
<file path=[Content_Types].xml><?xml version="1.0" encoding="utf-8"?>
<Types xmlns="http://schemas.openxmlformats.org/package/2006/content-types">
  <Default Extension="emf" ContentType="image/x-emf"/>
  <Default Extension="fntdata" ContentType="application/x-fontdata"/>
  <Default Extension="gif" ContentType="image/gif"/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theme/theme3.xml" ContentType="application/vnd.openxmlformats-officedocument.theme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theme/theme4.xml" ContentType="application/vnd.openxmlformats-officedocument.theme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theme/theme5.xml" ContentType="application/vnd.openxmlformats-officedocument.theme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theme/theme6.xml" ContentType="application/vnd.openxmlformats-officedocument.theme+xml"/>
  <Override PartName="/ppt/theme/theme7.xml" ContentType="application/vnd.openxmlformats-officedocument.theme+xml"/>
  <Override PartName="/ppt/theme/theme8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embedTrueTypeFonts="1">
  <p:sldMasterIdLst>
    <p:sldMasterId id="2147483717" r:id="rId4"/>
    <p:sldMasterId id="2147483746" r:id="rId5"/>
    <p:sldMasterId id="2147483792" r:id="rId6"/>
    <p:sldMasterId id="2147483837" r:id="rId7"/>
    <p:sldMasterId id="2147483857" r:id="rId8"/>
    <p:sldMasterId id="2147483950" r:id="rId9"/>
  </p:sldMasterIdLst>
  <p:notesMasterIdLst>
    <p:notesMasterId r:id="rId38"/>
  </p:notesMasterIdLst>
  <p:handoutMasterIdLst>
    <p:handoutMasterId r:id="rId39"/>
  </p:handoutMasterIdLst>
  <p:sldIdLst>
    <p:sldId id="554" r:id="rId10"/>
    <p:sldId id="829" r:id="rId11"/>
    <p:sldId id="830" r:id="rId12"/>
    <p:sldId id="873" r:id="rId13"/>
    <p:sldId id="849" r:id="rId14"/>
    <p:sldId id="850" r:id="rId15"/>
    <p:sldId id="865" r:id="rId16"/>
    <p:sldId id="866" r:id="rId17"/>
    <p:sldId id="867" r:id="rId18"/>
    <p:sldId id="868" r:id="rId19"/>
    <p:sldId id="869" r:id="rId20"/>
    <p:sldId id="872" r:id="rId21"/>
    <p:sldId id="781" r:id="rId22"/>
    <p:sldId id="786" r:id="rId23"/>
    <p:sldId id="847" r:id="rId24"/>
    <p:sldId id="863" r:id="rId25"/>
    <p:sldId id="854" r:id="rId26"/>
    <p:sldId id="858" r:id="rId27"/>
    <p:sldId id="861" r:id="rId28"/>
    <p:sldId id="860" r:id="rId29"/>
    <p:sldId id="862" r:id="rId30"/>
    <p:sldId id="851" r:id="rId31"/>
    <p:sldId id="852" r:id="rId32"/>
    <p:sldId id="857" r:id="rId33"/>
    <p:sldId id="853" r:id="rId34"/>
    <p:sldId id="855" r:id="rId35"/>
    <p:sldId id="864" r:id="rId36"/>
    <p:sldId id="778" r:id="rId37"/>
  </p:sldIdLst>
  <p:sldSz cx="12192000" cy="6858000"/>
  <p:notesSz cx="6797675" cy="9928225"/>
  <p:embeddedFontLst>
    <p:embeddedFont>
      <p:font typeface="Aharoni" panose="02010803020104030203" pitchFamily="2" charset="-79"/>
      <p:bold r:id="rId40"/>
    </p:embeddedFont>
    <p:embeddedFont>
      <p:font typeface="Arial Black" panose="020B0A04020102020204" pitchFamily="34" charset="0"/>
      <p:bold r:id="rId41"/>
    </p:embeddedFont>
    <p:embeddedFont>
      <p:font typeface="Calibri" panose="020F0502020204030204" pitchFamily="34" charset="0"/>
      <p:regular r:id="rId42"/>
      <p:bold r:id="rId43"/>
      <p:italic r:id="rId44"/>
      <p:boldItalic r:id="rId45"/>
    </p:embeddedFont>
    <p:embeddedFont>
      <p:font typeface="Calibri Light" panose="020F0302020204030204" pitchFamily="34" charset="0"/>
      <p:regular r:id="rId46"/>
      <p:italic r:id="rId47"/>
    </p:embeddedFont>
    <p:embeddedFont>
      <p:font typeface="Gisha" panose="020B0502040204020203" pitchFamily="34" charset="-79"/>
      <p:regular r:id="rId48"/>
      <p:bold r:id="rId49"/>
    </p:embeddedFont>
    <p:embeddedFont>
      <p:font typeface="Guttman Hatzvi" panose="020B0604020202020204" charset="-79"/>
      <p:regular r:id="rId50"/>
      <p:bold r:id="rId51"/>
    </p:embeddedFont>
    <p:embeddedFont>
      <p:font typeface="Heebo" panose="00000500000000000000" pitchFamily="2" charset="-79"/>
      <p:regular r:id="rId52"/>
      <p:bold r:id="rId53"/>
    </p:embeddedFont>
    <p:embeddedFont>
      <p:font typeface="Heebo Medium" panose="00000600000000000000" pitchFamily="2" charset="-79"/>
      <p:regular r:id="rId54"/>
    </p:embeddedFont>
    <p:embeddedFont>
      <p:font typeface="Rockwell" panose="02060603020205020403" pitchFamily="18" charset="0"/>
      <p:regular r:id="rId55"/>
      <p:bold r:id="rId56"/>
      <p:italic r:id="rId57"/>
      <p:boldItalic r:id="rId58"/>
    </p:embeddedFont>
    <p:embeddedFont>
      <p:font typeface="Segoe UI Black" panose="020B0A02040204020203" pitchFamily="34" charset="0"/>
      <p:bold r:id="rId59"/>
      <p:boldItalic r:id="rId60"/>
    </p:embeddedFont>
    <p:embeddedFont>
      <p:font typeface="Segoe UI Semibold" panose="020B0702040204020203" pitchFamily="34" charset="0"/>
      <p:bold r:id="rId61"/>
      <p:boldItalic r:id="rId62"/>
    </p:embeddedFont>
    <p:embeddedFont>
      <p:font typeface="Segoe UI Semilight" panose="020B0402040204020203" pitchFamily="34" charset="0"/>
      <p:regular r:id="rId63"/>
      <p:italic r:id="rId64"/>
    </p:embeddedFont>
    <p:embeddedFont>
      <p:font typeface="Tahoma" panose="020B0604030504040204" pitchFamily="34" charset="0"/>
      <p:regular r:id="rId65"/>
      <p:bold r:id="rId66"/>
    </p:embeddedFont>
  </p:embeddedFontLst>
  <p:custShowLst>
    <p:custShow name="תמרון רב זרועי" id="0">
      <p:sldLst/>
    </p:custShow>
  </p:custShowLst>
  <p:defaultTextStyle>
    <a:defPPr>
      <a:defRPr lang="he-IL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2" pos="7559" userDrawn="1">
          <p15:clr>
            <a:srgbClr val="A4A3A4"/>
          </p15:clr>
        </p15:guide>
        <p15:guide id="3" orient="horz" pos="2183" userDrawn="1">
          <p15:clr>
            <a:srgbClr val="A4A3A4"/>
          </p15:clr>
        </p15:guide>
        <p15:guide id="4" pos="98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s5005845" initials="s" lastIdx="3" clrIdx="0">
    <p:extLst>
      <p:ext uri="{19B8F6BF-5375-455C-9EA6-DF929625EA0E}">
        <p15:presenceInfo xmlns:p15="http://schemas.microsoft.com/office/powerpoint/2012/main" userId="s5005845" providerId="None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565656"/>
    <a:srgbClr val="002A4B"/>
    <a:srgbClr val="CDE9ED"/>
    <a:srgbClr val="0881A3"/>
    <a:srgbClr val="D9E30B"/>
    <a:srgbClr val="CDEFE2"/>
    <a:srgbClr val="969696"/>
    <a:srgbClr val="FFFFFF"/>
    <a:srgbClr val="BDD7EE"/>
    <a:srgbClr val="F4E7D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סגנון ביניים 2 - הדגשה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83228" autoAdjust="0"/>
    <p:restoredTop sz="96173" autoAdjust="0"/>
  </p:normalViewPr>
  <p:slideViewPr>
    <p:cSldViewPr snapToGrid="0" showGuides="1">
      <p:cViewPr varScale="1">
        <p:scale>
          <a:sx n="58" d="100"/>
          <a:sy n="58" d="100"/>
        </p:scale>
        <p:origin x="852" y="44"/>
      </p:cViewPr>
      <p:guideLst>
        <p:guide pos="7559"/>
        <p:guide orient="horz" pos="2183"/>
        <p:guide pos="98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3" d="2"/>
        <a:sy n="3" d="2"/>
      </p:scale>
      <p:origin x="0" y="0"/>
    </p:cViewPr>
  </p:notesTextViewPr>
  <p:sorterViewPr>
    <p:cViewPr varScale="1">
      <p:scale>
        <a:sx n="100" d="100"/>
        <a:sy n="100" d="100"/>
      </p:scale>
      <p:origin x="0" y="-4176"/>
    </p:cViewPr>
  </p:sorterViewPr>
  <p:notesViewPr>
    <p:cSldViewPr snapToGrid="0">
      <p:cViewPr varScale="1">
        <p:scale>
          <a:sx n="82" d="100"/>
          <a:sy n="82" d="100"/>
        </p:scale>
        <p:origin x="3972" y="90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4.xml"/><Relationship Id="rId18" Type="http://schemas.openxmlformats.org/officeDocument/2006/relationships/slide" Target="slides/slide9.xml"/><Relationship Id="rId26" Type="http://schemas.openxmlformats.org/officeDocument/2006/relationships/slide" Target="slides/slide17.xml"/><Relationship Id="rId39" Type="http://schemas.openxmlformats.org/officeDocument/2006/relationships/handoutMaster" Target="handoutMasters/handoutMaster1.xml"/><Relationship Id="rId21" Type="http://schemas.openxmlformats.org/officeDocument/2006/relationships/slide" Target="slides/slide12.xml"/><Relationship Id="rId34" Type="http://schemas.openxmlformats.org/officeDocument/2006/relationships/slide" Target="slides/slide25.xml"/><Relationship Id="rId42" Type="http://schemas.openxmlformats.org/officeDocument/2006/relationships/font" Target="fonts/font3.fntdata"/><Relationship Id="rId47" Type="http://schemas.openxmlformats.org/officeDocument/2006/relationships/font" Target="fonts/font8.fntdata"/><Relationship Id="rId50" Type="http://schemas.openxmlformats.org/officeDocument/2006/relationships/font" Target="fonts/font11.fntdata"/><Relationship Id="rId55" Type="http://schemas.openxmlformats.org/officeDocument/2006/relationships/font" Target="fonts/font16.fntdata"/><Relationship Id="rId63" Type="http://schemas.openxmlformats.org/officeDocument/2006/relationships/font" Target="fonts/font24.fntdata"/><Relationship Id="rId68" Type="http://schemas.openxmlformats.org/officeDocument/2006/relationships/presProps" Target="presProps.xml"/><Relationship Id="rId7" Type="http://schemas.openxmlformats.org/officeDocument/2006/relationships/slideMaster" Target="slideMasters/slideMaster4.xml"/><Relationship Id="rId71" Type="http://schemas.openxmlformats.org/officeDocument/2006/relationships/tableStyles" Target="tableStyles.xml"/><Relationship Id="rId2" Type="http://schemas.openxmlformats.org/officeDocument/2006/relationships/customXml" Target="../customXml/item2.xml"/><Relationship Id="rId16" Type="http://schemas.openxmlformats.org/officeDocument/2006/relationships/slide" Target="slides/slide7.xml"/><Relationship Id="rId29" Type="http://schemas.openxmlformats.org/officeDocument/2006/relationships/slide" Target="slides/slide20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" Target="slides/slide2.xml"/><Relationship Id="rId24" Type="http://schemas.openxmlformats.org/officeDocument/2006/relationships/slide" Target="slides/slide15.xml"/><Relationship Id="rId32" Type="http://schemas.openxmlformats.org/officeDocument/2006/relationships/slide" Target="slides/slide23.xml"/><Relationship Id="rId37" Type="http://schemas.openxmlformats.org/officeDocument/2006/relationships/slide" Target="slides/slide28.xml"/><Relationship Id="rId40" Type="http://schemas.openxmlformats.org/officeDocument/2006/relationships/font" Target="fonts/font1.fntdata"/><Relationship Id="rId45" Type="http://schemas.openxmlformats.org/officeDocument/2006/relationships/font" Target="fonts/font6.fntdata"/><Relationship Id="rId53" Type="http://schemas.openxmlformats.org/officeDocument/2006/relationships/font" Target="fonts/font14.fntdata"/><Relationship Id="rId58" Type="http://schemas.openxmlformats.org/officeDocument/2006/relationships/font" Target="fonts/font19.fntdata"/><Relationship Id="rId66" Type="http://schemas.openxmlformats.org/officeDocument/2006/relationships/font" Target="fonts/font27.fntdata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6.xml"/><Relationship Id="rId23" Type="http://schemas.openxmlformats.org/officeDocument/2006/relationships/slide" Target="slides/slide14.xml"/><Relationship Id="rId28" Type="http://schemas.openxmlformats.org/officeDocument/2006/relationships/slide" Target="slides/slide19.xml"/><Relationship Id="rId36" Type="http://schemas.openxmlformats.org/officeDocument/2006/relationships/slide" Target="slides/slide27.xml"/><Relationship Id="rId49" Type="http://schemas.openxmlformats.org/officeDocument/2006/relationships/font" Target="fonts/font10.fntdata"/><Relationship Id="rId57" Type="http://schemas.openxmlformats.org/officeDocument/2006/relationships/font" Target="fonts/font18.fntdata"/><Relationship Id="rId61" Type="http://schemas.openxmlformats.org/officeDocument/2006/relationships/font" Target="fonts/font22.fntdata"/><Relationship Id="rId10" Type="http://schemas.openxmlformats.org/officeDocument/2006/relationships/slide" Target="slides/slide1.xml"/><Relationship Id="rId19" Type="http://schemas.openxmlformats.org/officeDocument/2006/relationships/slide" Target="slides/slide10.xml"/><Relationship Id="rId31" Type="http://schemas.openxmlformats.org/officeDocument/2006/relationships/slide" Target="slides/slide22.xml"/><Relationship Id="rId44" Type="http://schemas.openxmlformats.org/officeDocument/2006/relationships/font" Target="fonts/font5.fntdata"/><Relationship Id="rId52" Type="http://schemas.openxmlformats.org/officeDocument/2006/relationships/font" Target="fonts/font13.fntdata"/><Relationship Id="rId60" Type="http://schemas.openxmlformats.org/officeDocument/2006/relationships/font" Target="fonts/font21.fntdata"/><Relationship Id="rId65" Type="http://schemas.openxmlformats.org/officeDocument/2006/relationships/font" Target="fonts/font26.fntdata"/><Relationship Id="rId4" Type="http://schemas.openxmlformats.org/officeDocument/2006/relationships/slideMaster" Target="slideMasters/slideMaster1.xml"/><Relationship Id="rId9" Type="http://schemas.openxmlformats.org/officeDocument/2006/relationships/slideMaster" Target="slideMasters/slideMaster6.xml"/><Relationship Id="rId14" Type="http://schemas.openxmlformats.org/officeDocument/2006/relationships/slide" Target="slides/slide5.xml"/><Relationship Id="rId22" Type="http://schemas.openxmlformats.org/officeDocument/2006/relationships/slide" Target="slides/slide13.xml"/><Relationship Id="rId27" Type="http://schemas.openxmlformats.org/officeDocument/2006/relationships/slide" Target="slides/slide18.xml"/><Relationship Id="rId30" Type="http://schemas.openxmlformats.org/officeDocument/2006/relationships/slide" Target="slides/slide21.xml"/><Relationship Id="rId35" Type="http://schemas.openxmlformats.org/officeDocument/2006/relationships/slide" Target="slides/slide26.xml"/><Relationship Id="rId43" Type="http://schemas.openxmlformats.org/officeDocument/2006/relationships/font" Target="fonts/font4.fntdata"/><Relationship Id="rId48" Type="http://schemas.openxmlformats.org/officeDocument/2006/relationships/font" Target="fonts/font9.fntdata"/><Relationship Id="rId56" Type="http://schemas.openxmlformats.org/officeDocument/2006/relationships/font" Target="fonts/font17.fntdata"/><Relationship Id="rId64" Type="http://schemas.openxmlformats.org/officeDocument/2006/relationships/font" Target="fonts/font25.fntdata"/><Relationship Id="rId69" Type="http://schemas.openxmlformats.org/officeDocument/2006/relationships/viewProps" Target="viewProps.xml"/><Relationship Id="rId8" Type="http://schemas.openxmlformats.org/officeDocument/2006/relationships/slideMaster" Target="slideMasters/slideMaster5.xml"/><Relationship Id="rId51" Type="http://schemas.openxmlformats.org/officeDocument/2006/relationships/font" Target="fonts/font12.fntdata"/><Relationship Id="rId3" Type="http://schemas.openxmlformats.org/officeDocument/2006/relationships/customXml" Target="../customXml/item3.xml"/><Relationship Id="rId12" Type="http://schemas.openxmlformats.org/officeDocument/2006/relationships/slide" Target="slides/slide3.xml"/><Relationship Id="rId17" Type="http://schemas.openxmlformats.org/officeDocument/2006/relationships/slide" Target="slides/slide8.xml"/><Relationship Id="rId25" Type="http://schemas.openxmlformats.org/officeDocument/2006/relationships/slide" Target="slides/slide16.xml"/><Relationship Id="rId33" Type="http://schemas.openxmlformats.org/officeDocument/2006/relationships/slide" Target="slides/slide24.xml"/><Relationship Id="rId38" Type="http://schemas.openxmlformats.org/officeDocument/2006/relationships/notesMaster" Target="notesMasters/notesMaster1.xml"/><Relationship Id="rId46" Type="http://schemas.openxmlformats.org/officeDocument/2006/relationships/font" Target="fonts/font7.fntdata"/><Relationship Id="rId59" Type="http://schemas.openxmlformats.org/officeDocument/2006/relationships/font" Target="fonts/font20.fntdata"/><Relationship Id="rId67" Type="http://schemas.openxmlformats.org/officeDocument/2006/relationships/commentAuthors" Target="commentAuthors.xml"/><Relationship Id="rId20" Type="http://schemas.openxmlformats.org/officeDocument/2006/relationships/slide" Target="slides/slide11.xml"/><Relationship Id="rId41" Type="http://schemas.openxmlformats.org/officeDocument/2006/relationships/font" Target="fonts/font2.fntdata"/><Relationship Id="rId54" Type="http://schemas.openxmlformats.org/officeDocument/2006/relationships/font" Target="fonts/font15.fntdata"/><Relationship Id="rId62" Type="http://schemas.openxmlformats.org/officeDocument/2006/relationships/font" Target="fonts/font23.fntdata"/><Relationship Id="rId70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8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51275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quarter" idx="1"/>
          </p:nvPr>
        </p:nvSpPr>
        <p:spPr>
          <a:xfrm>
            <a:off x="1588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75EAD89D-2DA9-4D77-8245-DC1AF7A6A930}" type="datetimeFigureOut">
              <a:rPr lang="he-IL" smtClean="0"/>
              <a:t>ל'/חשון/תש"פ</a:t>
            </a:fld>
            <a:endParaRPr lang="he-IL"/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2"/>
          </p:nvPr>
        </p:nvSpPr>
        <p:spPr>
          <a:xfrm>
            <a:off x="3851275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3"/>
          </p:nvPr>
        </p:nvSpPr>
        <p:spPr>
          <a:xfrm>
            <a:off x="1588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A489BDEE-295B-43BB-94A7-994DCCC1B657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77042468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7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9" name="An object"/>
          <p:cNvSpPr>
            <a:spLocks noGrp="1"/>
          </p:cNvSpPr>
          <p:nvPr>
            <p:ph type="hdr" sz="quarter"/>
          </p:nvPr>
        </p:nvSpPr>
        <p:spPr>
          <a:xfrm>
            <a:off x="3852017" y="1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148" name="An object"/>
          <p:cNvSpPr>
            <a:spLocks noGrp="1"/>
          </p:cNvSpPr>
          <p:nvPr>
            <p:ph type="dt" idx="1"/>
          </p:nvPr>
        </p:nvSpPr>
        <p:spPr>
          <a:xfrm>
            <a:off x="1575" y="1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70188946-B1FA-4FD8-A41E-ED47E2D23113}" type="datetimeFigureOut">
              <a:rPr lang="he-IL" smtClean="0"/>
              <a:t>ל'/חשון/תש"פ</a:t>
            </a:fld>
            <a:endParaRPr lang="he-IL"/>
          </a:p>
        </p:txBody>
      </p:sp>
      <p:sp>
        <p:nvSpPr>
          <p:cNvPr id="195" name="An object"/>
          <p:cNvSpPr>
            <a:spLocks noGrp="1" noRot="1" noChangeAspect="1"/>
          </p:cNvSpPr>
          <p:nvPr>
            <p:ph type="sldImg" idx="2"/>
          </p:nvPr>
        </p:nvSpPr>
        <p:spPr>
          <a:xfrm>
            <a:off x="419100" y="1239838"/>
            <a:ext cx="5959475" cy="33528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/>
          </a:p>
        </p:txBody>
      </p:sp>
      <p:sp>
        <p:nvSpPr>
          <p:cNvPr id="233" name="An object"/>
          <p:cNvSpPr>
            <a:spLocks noGrp="1"/>
          </p:cNvSpPr>
          <p:nvPr>
            <p:ph type="body" sz="quarter" idx="3"/>
          </p:nvPr>
        </p:nvSpPr>
        <p:spPr>
          <a:xfrm>
            <a:off x="679768" y="4777958"/>
            <a:ext cx="5438140" cy="3909239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he-IL"/>
              <a:t>ערוך סגנונות טקסט של תבנית בסיס</a:t>
            </a:r>
          </a:p>
          <a:p>
            <a:pPr lvl="1"/>
            <a:r>
              <a:rPr lang="he-IL"/>
              <a:t>רמה שנ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264" name="An object"/>
          <p:cNvSpPr>
            <a:spLocks noGrp="1"/>
          </p:cNvSpPr>
          <p:nvPr>
            <p:ph type="ftr" sz="quarter" idx="4"/>
          </p:nvPr>
        </p:nvSpPr>
        <p:spPr>
          <a:xfrm>
            <a:off x="3852017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66" name="An object"/>
          <p:cNvSpPr>
            <a:spLocks noGrp="1"/>
          </p:cNvSpPr>
          <p:nvPr>
            <p:ph type="sldNum" sz="quarter" idx="5"/>
          </p:nvPr>
        </p:nvSpPr>
        <p:spPr>
          <a:xfrm>
            <a:off x="1575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E7EA2E5F-46B2-4D7B-93F3-9593E2E060E6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27791993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7EA2E5F-46B2-4D7B-93F3-9593E2E060E6}" type="slidenum">
              <a:rPr lang="he-IL" smtClean="0"/>
              <a:t>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264202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7EA2E5F-46B2-4D7B-93F3-9593E2E060E6}" type="slidenum">
              <a:rPr lang="he-IL" smtClean="0"/>
              <a:t>1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6570574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4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4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Master" Target="../slideMasters/slideMaster4.xml"/></Relationships>
</file>

<file path=ppt/slideLayouts/_rels/slideLayout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png"/><Relationship Id="rId3" Type="http://schemas.openxmlformats.org/officeDocument/2006/relationships/image" Target="../media/image11.png"/><Relationship Id="rId7" Type="http://schemas.openxmlformats.org/officeDocument/2006/relationships/image" Target="../media/image15.png"/><Relationship Id="rId2" Type="http://schemas.openxmlformats.org/officeDocument/2006/relationships/image" Target="../media/image10.png"/><Relationship Id="rId1" Type="http://schemas.openxmlformats.org/officeDocument/2006/relationships/slideMaster" Target="../slideMasters/slideMaster4.xml"/><Relationship Id="rId6" Type="http://schemas.openxmlformats.org/officeDocument/2006/relationships/image" Target="../media/image14.jpeg"/><Relationship Id="rId5" Type="http://schemas.openxmlformats.org/officeDocument/2006/relationships/image" Target="../media/image13.jpeg"/><Relationship Id="rId4" Type="http://schemas.openxmlformats.org/officeDocument/2006/relationships/image" Target="../media/image12.png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650027" y="2020888"/>
            <a:ext cx="7808843" cy="1701800"/>
          </a:xfrm>
        </p:spPr>
        <p:txBody>
          <a:bodyPr anchor="b"/>
          <a:lstStyle>
            <a:lvl1pPr algn="r">
              <a:defRPr sz="6000"/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511099" y="3873464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314D311-5A35-41DB-853A-B54CA4366813}" type="datetime8">
              <a:rPr lang="he-IL" smtClean="0"/>
              <a:t>28 נובמבר 19</a:t>
            </a:fld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8310606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בולטים רגיל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212323336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ללא בולט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0" indent="0">
              <a:buSzPct val="25000"/>
              <a:buFont typeface="Heebo" panose="020B0604020202020204" charset="-79"/>
              <a:buChar char=" "/>
              <a:defRPr b="1"/>
            </a:lvl1pPr>
            <a:lvl2pPr marL="0" indent="0">
              <a:buSzPct val="25000"/>
              <a:buFont typeface="Heebo" panose="020B0604020202020204" charset="-79"/>
              <a:buChar char=" "/>
              <a:defRPr/>
            </a:lvl2pPr>
            <a:lvl3pPr marL="271463" indent="-171450">
              <a:defRPr/>
            </a:lvl3pPr>
            <a:lvl4pPr marL="535781" indent="-171450">
              <a:defRPr/>
            </a:lvl4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2"/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792853401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ובולט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333375" indent="-196454">
              <a:spcBef>
                <a:spcPts val="900"/>
              </a:spcBef>
              <a:buFontTx/>
              <a:buBlip>
                <a:blip r:embed="rId2"/>
              </a:buBlip>
              <a:defRPr sz="2100"/>
            </a:lvl2pPr>
            <a:lvl3pPr marL="609600" indent="-209550">
              <a:spcBef>
                <a:spcPts val="900"/>
              </a:spcBef>
              <a:buFontTx/>
              <a:buBlip>
                <a:blip r:embed="rId3"/>
              </a:buBlip>
              <a:defRPr sz="1800"/>
            </a:lvl3pPr>
            <a:lvl4pPr marL="8096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</p:spTree>
    <p:extLst>
      <p:ext uri="{BB962C8B-B14F-4D97-AF65-F5344CB8AC3E}">
        <p14:creationId xmlns:p14="http://schemas.microsoft.com/office/powerpoint/2010/main" val="254812278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ללא בולט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200025" indent="0">
              <a:spcBef>
                <a:spcPts val="1350"/>
              </a:spcBef>
              <a:buSzPct val="25000"/>
              <a:buFont typeface="Heebo" panose="020B0604020202020204" charset="-79"/>
              <a:buChar char=" "/>
              <a:defRPr sz="2100" b="1"/>
            </a:lvl2pPr>
            <a:lvl3pPr marL="200025" indent="0">
              <a:spcBef>
                <a:spcPts val="450"/>
              </a:spcBef>
              <a:buSzPct val="25000"/>
              <a:buFont typeface="Heebo" panose="020B0604020202020204" charset="-79"/>
              <a:buChar char=" "/>
              <a:defRPr sz="1800"/>
            </a:lvl3pPr>
            <a:lvl4pPr marL="4667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</p:spTree>
    <p:extLst>
      <p:ext uri="{BB962C8B-B14F-4D97-AF65-F5344CB8AC3E}">
        <p14:creationId xmlns:p14="http://schemas.microsoft.com/office/powerpoint/2010/main" val="1285825592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רק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951004455"/>
      </p:ext>
    </p:extLst>
  </p:cSld>
  <p:clrMapOvr>
    <a:masterClrMapping/>
  </p:clrMapOvr>
  <p:extLst>
    <p:ext uri="{DCECCB84-F9BA-43D5-87BE-67443E8EF086}">
      <p15:sldGuideLst xmlns:p15="http://schemas.microsoft.com/office/powerpoint/2012/main">
        <p15:guide id="1" orient="horz" pos="1149">
          <p15:clr>
            <a:srgbClr val="FBAE40"/>
          </p15:clr>
        </p15:guide>
        <p15:guide id="2" pos="529">
          <p15:clr>
            <a:srgbClr val="FBAE40"/>
          </p15:clr>
        </p15:guide>
        <p15:guide id="3" pos="7151">
          <p15:clr>
            <a:srgbClr val="FBAE40"/>
          </p15:clr>
        </p15:guide>
        <p15:guide id="4" orient="horz" pos="232">
          <p15:clr>
            <a:srgbClr val="FBAE40"/>
          </p15:clr>
        </p15:guide>
        <p15:guide id="5" orient="horz" pos="3894">
          <p15:clr>
            <a:srgbClr val="FBAE40"/>
          </p15:clr>
        </p15:guide>
        <p15:guide id="6" orient="horz" pos="4107">
          <p15:clr>
            <a:srgbClr val="FBAE40"/>
          </p15:clr>
        </p15:guide>
      </p15:sldGuideLst>
    </p:ext>
  </p:extLst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שטח 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3" name="מלבן 2"/>
          <p:cNvSpPr/>
          <p:nvPr userDrawn="1"/>
        </p:nvSpPr>
        <p:spPr>
          <a:xfrm>
            <a:off x="838200" y="1824040"/>
            <a:ext cx="10515600" cy="4357687"/>
          </a:xfrm>
          <a:prstGeom prst="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35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52305580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65029768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ריק ורקע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7" name="מלבן 6"/>
          <p:cNvSpPr/>
          <p:nvPr userDrawn="1"/>
        </p:nvSpPr>
        <p:spPr>
          <a:xfrm>
            <a:off x="838200" y="368302"/>
            <a:ext cx="10515600" cy="5813425"/>
          </a:xfrm>
          <a:prstGeom prst="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35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77201426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בולטים רגיל *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11" name="מציין מיקום תוכן 2"/>
          <p:cNvSpPr>
            <a:spLocks noGrp="1"/>
          </p:cNvSpPr>
          <p:nvPr>
            <p:ph idx="13"/>
          </p:nvPr>
        </p:nvSpPr>
        <p:spPr>
          <a:xfrm>
            <a:off x="817564" y="1824038"/>
            <a:ext cx="4897437" cy="4351338"/>
          </a:xfrm>
        </p:spPr>
        <p:txBody>
          <a:bodyPr/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</p:spTree>
    <p:extLst>
      <p:ext uri="{BB962C8B-B14F-4D97-AF65-F5344CB8AC3E}">
        <p14:creationId xmlns:p14="http://schemas.microsoft.com/office/powerpoint/2010/main" val="4095495661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ללא בולטים *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>
            <a:lvl1pPr marL="0" indent="0">
              <a:buSzPct val="25000"/>
              <a:buFont typeface="Heebo" panose="020B0604020202020204" charset="-79"/>
              <a:buChar char=" "/>
              <a:defRPr b="1"/>
            </a:lvl1pPr>
            <a:lvl2pPr marL="0" indent="0">
              <a:buSzPct val="25000"/>
              <a:buFont typeface="Heebo" panose="020B0604020202020204" charset="-79"/>
              <a:buChar char=" "/>
              <a:defRPr/>
            </a:lvl2pPr>
            <a:lvl3pPr marL="271463" indent="-171450">
              <a:defRPr/>
            </a:lvl3pPr>
            <a:lvl4pPr marL="535781" indent="-171450">
              <a:defRPr/>
            </a:lvl4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2"/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11" name="מציין מיקום תוכן 2"/>
          <p:cNvSpPr>
            <a:spLocks noGrp="1"/>
          </p:cNvSpPr>
          <p:nvPr>
            <p:ph idx="13"/>
          </p:nvPr>
        </p:nvSpPr>
        <p:spPr>
          <a:xfrm>
            <a:off x="838202" y="1824038"/>
            <a:ext cx="4897437" cy="4351338"/>
          </a:xfrm>
        </p:spPr>
        <p:txBody>
          <a:bodyPr/>
          <a:lstStyle>
            <a:lvl1pPr marL="0" indent="0">
              <a:buSzPct val="25000"/>
              <a:buFont typeface="Heebo" panose="020B0604020202020204" charset="-79"/>
              <a:buChar char=" "/>
              <a:defRPr b="1"/>
            </a:lvl1pPr>
            <a:lvl2pPr marL="0" indent="0">
              <a:buSzPct val="25000"/>
              <a:buFont typeface="Heebo" panose="020B0604020202020204" charset="-79"/>
              <a:buChar char=" "/>
              <a:defRPr/>
            </a:lvl2pPr>
            <a:lvl3pPr marL="271463" indent="-171450">
              <a:defRPr/>
            </a:lvl3pPr>
            <a:lvl4pPr marL="535781" indent="-171450">
              <a:defRPr/>
            </a:lvl4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2"/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936593647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07988" y="368301"/>
            <a:ext cx="10440598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A1DC6BE-D243-495A-9AC7-3CEC33581C24}" type="datetime8">
              <a:rPr lang="he-IL" smtClean="0"/>
              <a:t>28 נובמבר 19</a:t>
            </a:fld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pPr/>
              <a:t>‹#›</a:t>
            </a:fld>
            <a:endParaRPr lang="he-IL"/>
          </a:p>
        </p:txBody>
      </p:sp>
      <p:sp>
        <p:nvSpPr>
          <p:cNvPr id="7" name="מציין מיקום תוכן 6"/>
          <p:cNvSpPr>
            <a:spLocks noGrp="1"/>
          </p:cNvSpPr>
          <p:nvPr>
            <p:ph sz="quarter" idx="13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pic>
        <p:nvPicPr>
          <p:cNvPr id="10" name="תמונה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22042278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ובולטים *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35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196454" indent="-196454">
              <a:spcBef>
                <a:spcPts val="900"/>
              </a:spcBef>
              <a:buFontTx/>
              <a:buBlip>
                <a:blip r:embed="rId2"/>
              </a:buBlip>
              <a:defRPr sz="2100"/>
            </a:lvl2pPr>
            <a:lvl3pPr marL="542925" indent="-209550">
              <a:spcBef>
                <a:spcPts val="900"/>
              </a:spcBef>
              <a:buFontTx/>
              <a:buBlip>
                <a:blip r:embed="rId3"/>
              </a:buBlip>
              <a:defRPr sz="1800"/>
            </a:lvl3pPr>
            <a:lvl4pPr marL="8096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10" name="מציין מיקום תוכן 2"/>
          <p:cNvSpPr>
            <a:spLocks noGrp="1"/>
          </p:cNvSpPr>
          <p:nvPr>
            <p:ph idx="13"/>
          </p:nvPr>
        </p:nvSpPr>
        <p:spPr>
          <a:xfrm>
            <a:off x="830264" y="1828800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35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196454" indent="-196454">
              <a:spcBef>
                <a:spcPts val="900"/>
              </a:spcBef>
              <a:buFontTx/>
              <a:buBlip>
                <a:blip r:embed="rId2"/>
              </a:buBlip>
              <a:defRPr sz="2100"/>
            </a:lvl2pPr>
            <a:lvl3pPr marL="542925" indent="-209550">
              <a:spcBef>
                <a:spcPts val="900"/>
              </a:spcBef>
              <a:buFontTx/>
              <a:buBlip>
                <a:blip r:embed="rId3"/>
              </a:buBlip>
              <a:defRPr sz="1800"/>
            </a:lvl3pPr>
            <a:lvl4pPr marL="8096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</p:spTree>
    <p:extLst>
      <p:ext uri="{BB962C8B-B14F-4D97-AF65-F5344CB8AC3E}">
        <p14:creationId xmlns:p14="http://schemas.microsoft.com/office/powerpoint/2010/main" val="386295870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ללא בולטים *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200025" indent="0">
              <a:spcBef>
                <a:spcPts val="1350"/>
              </a:spcBef>
              <a:buSzPct val="25000"/>
              <a:buFont typeface="Heebo" panose="020B0604020202020204" charset="-79"/>
              <a:buChar char=" "/>
              <a:defRPr sz="2100" b="1"/>
            </a:lvl2pPr>
            <a:lvl3pPr marL="200025" indent="0">
              <a:spcBef>
                <a:spcPts val="450"/>
              </a:spcBef>
              <a:buSzPct val="25000"/>
              <a:buFont typeface="Heebo" panose="020B0604020202020204" charset="-79"/>
              <a:buChar char=" "/>
              <a:defRPr sz="1800"/>
            </a:lvl3pPr>
            <a:lvl4pPr marL="4667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10" name="מציין מיקום תוכן 2"/>
          <p:cNvSpPr>
            <a:spLocks noGrp="1"/>
          </p:cNvSpPr>
          <p:nvPr>
            <p:ph idx="13"/>
          </p:nvPr>
        </p:nvSpPr>
        <p:spPr>
          <a:xfrm>
            <a:off x="838200" y="1828800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200025" indent="0">
              <a:spcBef>
                <a:spcPts val="1350"/>
              </a:spcBef>
              <a:buSzPct val="25000"/>
              <a:buFont typeface="Heebo" panose="020B0604020202020204" charset="-79"/>
              <a:buChar char=" "/>
              <a:defRPr sz="2100" b="1"/>
            </a:lvl2pPr>
            <a:lvl3pPr marL="200025" indent="0">
              <a:spcBef>
                <a:spcPts val="450"/>
              </a:spcBef>
              <a:buSzPct val="25000"/>
              <a:buFont typeface="Heebo" panose="020B0604020202020204" charset="-79"/>
              <a:buChar char=" "/>
              <a:defRPr sz="1800"/>
            </a:lvl3pPr>
            <a:lvl4pPr marL="4667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</p:txBody>
      </p:sp>
    </p:spTree>
    <p:extLst>
      <p:ext uri="{BB962C8B-B14F-4D97-AF65-F5344CB8AC3E}">
        <p14:creationId xmlns:p14="http://schemas.microsoft.com/office/powerpoint/2010/main" val="840311335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op 5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 dirty="0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כותרת 1"/>
          <p:cNvSpPr>
            <a:spLocks noGrp="1"/>
          </p:cNvSpPr>
          <p:nvPr>
            <p:ph type="title"/>
          </p:nvPr>
        </p:nvSpPr>
        <p:spPr>
          <a:xfrm>
            <a:off x="838200" y="365127"/>
            <a:ext cx="10515600" cy="73418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7" name="מציין מיקום טקסט 6"/>
          <p:cNvSpPr>
            <a:spLocks noGrp="1"/>
          </p:cNvSpPr>
          <p:nvPr>
            <p:ph type="body" sz="quarter" idx="14" hasCustomPrompt="1"/>
          </p:nvPr>
        </p:nvSpPr>
        <p:spPr>
          <a:xfrm>
            <a:off x="10533487" y="1884167"/>
            <a:ext cx="616495" cy="715133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/>
              <a:t>#</a:t>
            </a:r>
          </a:p>
        </p:txBody>
      </p:sp>
      <p:sp>
        <p:nvSpPr>
          <p:cNvPr id="8" name="מציין מיקום טקסט 7"/>
          <p:cNvSpPr>
            <a:spLocks noGrp="1"/>
          </p:cNvSpPr>
          <p:nvPr>
            <p:ph type="body" sz="quarter" idx="15" hasCustomPrompt="1"/>
          </p:nvPr>
        </p:nvSpPr>
        <p:spPr>
          <a:xfrm>
            <a:off x="10541509" y="2850160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/>
              <a:t>#</a:t>
            </a:r>
          </a:p>
        </p:txBody>
      </p:sp>
      <p:sp>
        <p:nvSpPr>
          <p:cNvPr id="9" name="מציין מיקום טקסט 8"/>
          <p:cNvSpPr>
            <a:spLocks noGrp="1"/>
          </p:cNvSpPr>
          <p:nvPr>
            <p:ph type="body" sz="quarter" idx="16" hasCustomPrompt="1"/>
          </p:nvPr>
        </p:nvSpPr>
        <p:spPr>
          <a:xfrm>
            <a:off x="10546951" y="3800534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/>
              <a:t>#</a:t>
            </a:r>
          </a:p>
        </p:txBody>
      </p:sp>
      <p:grpSp>
        <p:nvGrpSpPr>
          <p:cNvPr id="10" name="קבוצה 9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11" name="צורה חופשית 10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12" name="צורה חופשית 11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13" name="צורה חופשית 12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14" name="מציין מיקום טקסט 24"/>
          <p:cNvSpPr>
            <a:spLocks noGrp="1"/>
          </p:cNvSpPr>
          <p:nvPr>
            <p:ph type="body" sz="quarter" idx="17" hasCustomPrompt="1"/>
          </p:nvPr>
        </p:nvSpPr>
        <p:spPr>
          <a:xfrm>
            <a:off x="838201" y="1884168"/>
            <a:ext cx="9693729" cy="715133"/>
          </a:xfrm>
        </p:spPr>
        <p:txBody>
          <a:bodyPr lIns="0" tIns="0" rIns="0" bIns="0" anchor="ctr">
            <a:normAutofit/>
          </a:bodyPr>
          <a:lstStyle>
            <a:lvl1pPr marL="0" indent="0">
              <a:spcBef>
                <a:spcPts val="0"/>
              </a:spcBef>
              <a:buSzPct val="25000"/>
              <a:buFont typeface="Heebo" panose="020B0604020202020204" charset="-79"/>
              <a:buChar char=" "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SzPct val="25000"/>
              <a:buFont typeface="Heebo" panose="020B0604020202020204" charset="-79"/>
              <a:buChar char=" "/>
              <a:defRPr sz="1800"/>
            </a:lvl2pPr>
          </a:lstStyle>
          <a:p>
            <a:pPr lvl="0"/>
            <a:r>
              <a:rPr lang="he-IL" dirty="0"/>
              <a:t>נקודה ראשונה</a:t>
            </a:r>
          </a:p>
          <a:p>
            <a:pPr lvl="1"/>
            <a:r>
              <a:rPr lang="he-IL" dirty="0"/>
              <a:t>הסבר</a:t>
            </a:r>
          </a:p>
        </p:txBody>
      </p:sp>
      <p:sp>
        <p:nvSpPr>
          <p:cNvPr id="15" name="מציין מיקום טקסט 14"/>
          <p:cNvSpPr>
            <a:spLocks noGrp="1"/>
          </p:cNvSpPr>
          <p:nvPr>
            <p:ph type="body" sz="quarter" idx="18" hasCustomPrompt="1"/>
          </p:nvPr>
        </p:nvSpPr>
        <p:spPr>
          <a:xfrm>
            <a:off x="10546951" y="4750910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/>
              <a:t>#</a:t>
            </a:r>
          </a:p>
        </p:txBody>
      </p:sp>
      <p:sp>
        <p:nvSpPr>
          <p:cNvPr id="16" name="מציין מיקום טקסט 15"/>
          <p:cNvSpPr>
            <a:spLocks noGrp="1"/>
          </p:cNvSpPr>
          <p:nvPr>
            <p:ph type="body" sz="quarter" idx="22" hasCustomPrompt="1"/>
          </p:nvPr>
        </p:nvSpPr>
        <p:spPr>
          <a:xfrm>
            <a:off x="10538495" y="5701284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/>
              <a:t>#</a:t>
            </a:r>
          </a:p>
        </p:txBody>
      </p:sp>
      <p:sp>
        <p:nvSpPr>
          <p:cNvPr id="17" name="מציין מיקום טקסט 24"/>
          <p:cNvSpPr>
            <a:spLocks noGrp="1"/>
          </p:cNvSpPr>
          <p:nvPr>
            <p:ph type="body" sz="quarter" idx="23" hasCustomPrompt="1"/>
          </p:nvPr>
        </p:nvSpPr>
        <p:spPr>
          <a:xfrm>
            <a:off x="838201" y="2834542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/>
              <a:t>נקודה שניה</a:t>
            </a:r>
          </a:p>
          <a:p>
            <a:pPr lvl="1"/>
            <a:r>
              <a:rPr lang="he-IL" dirty="0"/>
              <a:t>הסבר</a:t>
            </a:r>
          </a:p>
        </p:txBody>
      </p:sp>
      <p:sp>
        <p:nvSpPr>
          <p:cNvPr id="18" name="מציין מיקום טקסט 24"/>
          <p:cNvSpPr>
            <a:spLocks noGrp="1"/>
          </p:cNvSpPr>
          <p:nvPr>
            <p:ph type="body" sz="quarter" idx="24" hasCustomPrompt="1"/>
          </p:nvPr>
        </p:nvSpPr>
        <p:spPr>
          <a:xfrm>
            <a:off x="838201" y="3784914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/>
              <a:t>נקודה שלישית</a:t>
            </a:r>
          </a:p>
          <a:p>
            <a:pPr lvl="1"/>
            <a:r>
              <a:rPr lang="he-IL" dirty="0"/>
              <a:t>הסבר</a:t>
            </a:r>
          </a:p>
        </p:txBody>
      </p:sp>
      <p:sp>
        <p:nvSpPr>
          <p:cNvPr id="19" name="מציין מיקום טקסט 24"/>
          <p:cNvSpPr>
            <a:spLocks noGrp="1"/>
          </p:cNvSpPr>
          <p:nvPr>
            <p:ph type="body" sz="quarter" idx="25" hasCustomPrompt="1"/>
          </p:nvPr>
        </p:nvSpPr>
        <p:spPr>
          <a:xfrm>
            <a:off x="838201" y="4735290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/>
              <a:t>נקודה רביעית</a:t>
            </a:r>
          </a:p>
          <a:p>
            <a:pPr lvl="1"/>
            <a:r>
              <a:rPr lang="he-IL" dirty="0"/>
              <a:t>הסבר</a:t>
            </a:r>
          </a:p>
        </p:txBody>
      </p:sp>
      <p:sp>
        <p:nvSpPr>
          <p:cNvPr id="20" name="מציין מיקום טקסט 24"/>
          <p:cNvSpPr>
            <a:spLocks noGrp="1"/>
          </p:cNvSpPr>
          <p:nvPr>
            <p:ph type="body" sz="quarter" idx="26" hasCustomPrompt="1"/>
          </p:nvPr>
        </p:nvSpPr>
        <p:spPr>
          <a:xfrm>
            <a:off x="838201" y="5685666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/>
              <a:t>נקודה חמישית</a:t>
            </a:r>
          </a:p>
          <a:p>
            <a:pPr lvl="1"/>
            <a:r>
              <a:rPr lang="he-IL" dirty="0"/>
              <a:t>הסבר</a:t>
            </a:r>
          </a:p>
        </p:txBody>
      </p:sp>
    </p:spTree>
    <p:extLst>
      <p:ext uri="{BB962C8B-B14F-4D97-AF65-F5344CB8AC3E}">
        <p14:creationId xmlns:p14="http://schemas.microsoft.com/office/powerpoint/2010/main" val="2769690275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7" name="צורה חופשית 6"/>
          <p:cNvSpPr/>
          <p:nvPr userDrawn="1"/>
        </p:nvSpPr>
        <p:spPr>
          <a:xfrm rot="16200000">
            <a:off x="1300288" y="-1078897"/>
            <a:ext cx="6518934" cy="8689547"/>
          </a:xfrm>
          <a:custGeom>
            <a:avLst/>
            <a:gdLst>
              <a:gd name="connsiteX0" fmla="*/ 6518934 w 6518934"/>
              <a:gd name="connsiteY0" fmla="*/ 7713706 h 8689546"/>
              <a:gd name="connsiteX1" fmla="*/ 6518934 w 6518934"/>
              <a:gd name="connsiteY1" fmla="*/ 8689546 h 8689546"/>
              <a:gd name="connsiteX2" fmla="*/ 5950426 w 6518934"/>
              <a:gd name="connsiteY2" fmla="*/ 7991442 h 8689546"/>
              <a:gd name="connsiteX3" fmla="*/ 2276232 w 6518934"/>
              <a:gd name="connsiteY3" fmla="*/ 1562187 h 8689546"/>
              <a:gd name="connsiteX4" fmla="*/ 215368 w 6518934"/>
              <a:gd name="connsiteY4" fmla="*/ 5607538 h 8689546"/>
              <a:gd name="connsiteX5" fmla="*/ 0 w 6518934"/>
              <a:gd name="connsiteY5" fmla="*/ 5941564 h 8689546"/>
              <a:gd name="connsiteX6" fmla="*/ 0 w 6518934"/>
              <a:gd name="connsiteY6" fmla="*/ 4712213 h 8689546"/>
              <a:gd name="connsiteX7" fmla="*/ 128232 w 6518934"/>
              <a:gd name="connsiteY7" fmla="*/ 4499811 h 8689546"/>
              <a:gd name="connsiteX8" fmla="*/ 2276232 w 6518934"/>
              <a:gd name="connsiteY8" fmla="*/ 0 h 8689546"/>
              <a:gd name="connsiteX9" fmla="*/ 6181375 w 6518934"/>
              <a:gd name="connsiteY9" fmla="*/ 7265389 h 868954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518934" h="8689546">
                <a:moveTo>
                  <a:pt x="6518934" y="7713706"/>
                </a:moveTo>
                <a:lnTo>
                  <a:pt x="6518934" y="8689546"/>
                </a:lnTo>
                <a:lnTo>
                  <a:pt x="5950426" y="7991442"/>
                </a:lnTo>
                <a:cubicBezTo>
                  <a:pt x="4530454" y="6153135"/>
                  <a:pt x="2978343" y="3504899"/>
                  <a:pt x="2276232" y="1562187"/>
                </a:cubicBezTo>
                <a:cubicBezTo>
                  <a:pt x="1837395" y="2799304"/>
                  <a:pt x="1072799" y="4236807"/>
                  <a:pt x="215368" y="5607538"/>
                </a:cubicBezTo>
                <a:lnTo>
                  <a:pt x="0" y="5941564"/>
                </a:lnTo>
                <a:lnTo>
                  <a:pt x="0" y="4712213"/>
                </a:lnTo>
                <a:lnTo>
                  <a:pt x="128232" y="4499811"/>
                </a:lnTo>
                <a:cubicBezTo>
                  <a:pt x="997775" y="3027798"/>
                  <a:pt x="1741692" y="1506924"/>
                  <a:pt x="2276232" y="0"/>
                </a:cubicBezTo>
                <a:cubicBezTo>
                  <a:pt x="3144844" y="2403387"/>
                  <a:pt x="4566351" y="5064766"/>
                  <a:pt x="6181375" y="7265389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8" name="צורה חופשית 7"/>
          <p:cNvSpPr/>
          <p:nvPr userDrawn="1"/>
        </p:nvSpPr>
        <p:spPr>
          <a:xfrm rot="16200000">
            <a:off x="-153607" y="145002"/>
            <a:ext cx="6518934" cy="6241751"/>
          </a:xfrm>
          <a:custGeom>
            <a:avLst/>
            <a:gdLst>
              <a:gd name="connsiteX0" fmla="*/ 2108081 w 6518934"/>
              <a:gd name="connsiteY0" fmla="*/ 0 h 6241750"/>
              <a:gd name="connsiteX1" fmla="*/ 2096840 w 6518934"/>
              <a:gd name="connsiteY1" fmla="*/ 27322 h 6241750"/>
              <a:gd name="connsiteX2" fmla="*/ 336506 w 6518934"/>
              <a:gd name="connsiteY2" fmla="*/ 3308494 h 6241750"/>
              <a:gd name="connsiteX3" fmla="*/ 0 w 6518934"/>
              <a:gd name="connsiteY3" fmla="*/ 3830399 h 6241750"/>
              <a:gd name="connsiteX4" fmla="*/ 0 w 6518934"/>
              <a:gd name="connsiteY4" fmla="*/ 2613819 h 6241750"/>
              <a:gd name="connsiteX5" fmla="*/ 249370 w 6518934"/>
              <a:gd name="connsiteY5" fmla="*/ 2200767 h 6241750"/>
              <a:gd name="connsiteX6" fmla="*/ 1170191 w 6518934"/>
              <a:gd name="connsiteY6" fmla="*/ 527452 h 6241750"/>
              <a:gd name="connsiteX7" fmla="*/ 1431161 w 6518934"/>
              <a:gd name="connsiteY7" fmla="*/ 0 h 6241750"/>
              <a:gd name="connsiteX8" fmla="*/ 6518934 w 6518934"/>
              <a:gd name="connsiteY8" fmla="*/ 5253777 h 6241750"/>
              <a:gd name="connsiteX9" fmla="*/ 6518934 w 6518934"/>
              <a:gd name="connsiteY9" fmla="*/ 6241750 h 6241750"/>
              <a:gd name="connsiteX10" fmla="*/ 6071564 w 6518934"/>
              <a:gd name="connsiteY10" fmla="*/ 5692398 h 6241750"/>
              <a:gd name="connsiteX11" fmla="*/ 2698587 w 6518934"/>
              <a:gd name="connsiteY11" fmla="*/ 21772 h 6241750"/>
              <a:gd name="connsiteX12" fmla="*/ 2689582 w 6518934"/>
              <a:gd name="connsiteY12" fmla="*/ 0 h 6241750"/>
              <a:gd name="connsiteX13" fmla="*/ 3359382 w 6518934"/>
              <a:gd name="connsiteY13" fmla="*/ 0 h 6241750"/>
              <a:gd name="connsiteX14" fmla="*/ 3624535 w 6518934"/>
              <a:gd name="connsiteY14" fmla="*/ 547695 h 6241750"/>
              <a:gd name="connsiteX15" fmla="*/ 6302513 w 6518934"/>
              <a:gd name="connsiteY15" fmla="*/ 4966345 h 62417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6518934" h="6241750">
                <a:moveTo>
                  <a:pt x="2108081" y="0"/>
                </a:moveTo>
                <a:lnTo>
                  <a:pt x="2096840" y="27322"/>
                </a:lnTo>
                <a:cubicBezTo>
                  <a:pt x="1648981" y="1072590"/>
                  <a:pt x="1022451" y="2211909"/>
                  <a:pt x="336506" y="3308494"/>
                </a:cubicBezTo>
                <a:lnTo>
                  <a:pt x="0" y="3830399"/>
                </a:lnTo>
                <a:lnTo>
                  <a:pt x="0" y="2613819"/>
                </a:lnTo>
                <a:lnTo>
                  <a:pt x="249370" y="2200767"/>
                </a:lnTo>
                <a:cubicBezTo>
                  <a:pt x="575449" y="1648763"/>
                  <a:pt x="883861" y="1089887"/>
                  <a:pt x="1170191" y="527452"/>
                </a:cubicBezTo>
                <a:lnTo>
                  <a:pt x="1431161" y="0"/>
                </a:lnTo>
                <a:close/>
                <a:moveTo>
                  <a:pt x="6518934" y="5253777"/>
                </a:moveTo>
                <a:lnTo>
                  <a:pt x="6518934" y="6241750"/>
                </a:lnTo>
                <a:lnTo>
                  <a:pt x="6071564" y="5692398"/>
                </a:lnTo>
                <a:cubicBezTo>
                  <a:pt x="4829089" y="4083880"/>
                  <a:pt x="3485444" y="1855259"/>
                  <a:pt x="2698587" y="21772"/>
                </a:cubicBezTo>
                <a:lnTo>
                  <a:pt x="2689582" y="0"/>
                </a:lnTo>
                <a:lnTo>
                  <a:pt x="3359382" y="0"/>
                </a:lnTo>
                <a:lnTo>
                  <a:pt x="3624535" y="547695"/>
                </a:lnTo>
                <a:cubicBezTo>
                  <a:pt x="4388076" y="2083398"/>
                  <a:pt x="5308652" y="3612116"/>
                  <a:pt x="6302513" y="4966345"/>
                </a:cubicBezTo>
                <a:close/>
              </a:path>
            </a:pathLst>
          </a:custGeom>
          <a:gradFill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9" name="כותרת משנה 2"/>
          <p:cNvSpPr>
            <a:spLocks noGrp="1"/>
          </p:cNvSpPr>
          <p:nvPr>
            <p:ph type="subTitle" idx="1" hasCustomPrompt="1"/>
          </p:nvPr>
        </p:nvSpPr>
        <p:spPr>
          <a:xfrm>
            <a:off x="1929051" y="2943618"/>
            <a:ext cx="8548880" cy="456407"/>
          </a:xfrm>
        </p:spPr>
        <p:txBody>
          <a:bodyPr/>
          <a:lstStyle>
            <a:lvl1pPr marL="0" indent="0" algn="r">
              <a:buNone/>
              <a:defRPr sz="1800"/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he-IL" dirty="0"/>
              <a:t>פרק ###</a:t>
            </a:r>
          </a:p>
        </p:txBody>
      </p:sp>
      <p:sp>
        <p:nvSpPr>
          <p:cNvPr id="25" name="כותרת 42"/>
          <p:cNvSpPr>
            <a:spLocks noGrp="1"/>
          </p:cNvSpPr>
          <p:nvPr>
            <p:ph type="title" hasCustomPrompt="1"/>
          </p:nvPr>
        </p:nvSpPr>
        <p:spPr>
          <a:xfrm>
            <a:off x="0" y="3645025"/>
            <a:ext cx="10477931" cy="1504337"/>
          </a:xfrm>
          <a:gradFill flip="none" rotWithShape="1">
            <a:gsLst>
              <a:gs pos="0">
                <a:schemeClr val="tx1"/>
              </a:gs>
              <a:gs pos="12000">
                <a:schemeClr val="tx1">
                  <a:lumMod val="65000"/>
                  <a:lumOff val="35000"/>
                  <a:shade val="67500"/>
                  <a:satMod val="115000"/>
                </a:schemeClr>
              </a:gs>
              <a:gs pos="34000">
                <a:schemeClr val="tx1">
                  <a:lumMod val="50000"/>
                  <a:lumOff val="50000"/>
                </a:schemeClr>
              </a:gs>
            </a:gsLst>
            <a:lin ang="10800000" scaled="1"/>
            <a:tileRect/>
          </a:gradFill>
        </p:spPr>
        <p:txBody>
          <a:bodyPr anchor="ctr">
            <a:noAutofit/>
          </a:bodyPr>
          <a:lstStyle>
            <a:lvl1pPr>
              <a:defRPr sz="4500" baseline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cs typeface="+mj-cs"/>
              </a:defRPr>
            </a:lvl1pPr>
          </a:lstStyle>
          <a:p>
            <a:r>
              <a:rPr lang="he-IL" dirty="0"/>
              <a:t>לחץ כדי לכתוב כותרת פרק</a:t>
            </a:r>
          </a:p>
        </p:txBody>
      </p:sp>
      <p:pic>
        <p:nvPicPr>
          <p:cNvPr id="26" name="תמונה 25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0477829" y="3645025"/>
            <a:ext cx="1717359" cy="1504337"/>
          </a:xfrm>
          <a:prstGeom prst="rect">
            <a:avLst/>
          </a:prstGeom>
        </p:spPr>
      </p:pic>
      <p:sp>
        <p:nvSpPr>
          <p:cNvPr id="3" name="מציין מיקום טקסט 2"/>
          <p:cNvSpPr>
            <a:spLocks noGrp="1"/>
          </p:cNvSpPr>
          <p:nvPr>
            <p:ph type="body" sz="quarter" idx="13" hasCustomPrompt="1"/>
          </p:nvPr>
        </p:nvSpPr>
        <p:spPr>
          <a:xfrm>
            <a:off x="1992314" y="5210175"/>
            <a:ext cx="8491537" cy="514350"/>
          </a:xfrm>
        </p:spPr>
        <p:txBody>
          <a:bodyPr vert="horz" lIns="91440" tIns="45720" rIns="91440" bIns="45720" rtlCol="1">
            <a:normAutofit/>
          </a:bodyPr>
          <a:lstStyle>
            <a:lvl1pPr marL="171450" indent="-171450">
              <a:buFont typeface="Arial" panose="020B0604020202020204" pitchFamily="34" charset="0"/>
              <a:buNone/>
              <a:defRPr lang="he-IL" sz="1800" dirty="0" smtClean="0"/>
            </a:lvl1pPr>
          </a:lstStyle>
          <a:p>
            <a:pPr marL="0" lvl="0" indent="0"/>
            <a:r>
              <a:rPr lang="he-IL" dirty="0"/>
              <a:t>לחץ כדי לכתוב כותרת משנה</a:t>
            </a:r>
          </a:p>
        </p:txBody>
      </p:sp>
      <p:sp>
        <p:nvSpPr>
          <p:cNvPr id="11" name="צורה חופשית 10"/>
          <p:cNvSpPr/>
          <p:nvPr userDrawn="1"/>
        </p:nvSpPr>
        <p:spPr>
          <a:xfrm rot="16200000">
            <a:off x="1300288" y="-1098780"/>
            <a:ext cx="6518934" cy="8689547"/>
          </a:xfrm>
          <a:custGeom>
            <a:avLst/>
            <a:gdLst>
              <a:gd name="connsiteX0" fmla="*/ 6518934 w 6518934"/>
              <a:gd name="connsiteY0" fmla="*/ 7713706 h 8689546"/>
              <a:gd name="connsiteX1" fmla="*/ 6518934 w 6518934"/>
              <a:gd name="connsiteY1" fmla="*/ 8689546 h 8689546"/>
              <a:gd name="connsiteX2" fmla="*/ 5950426 w 6518934"/>
              <a:gd name="connsiteY2" fmla="*/ 7991442 h 8689546"/>
              <a:gd name="connsiteX3" fmla="*/ 2276232 w 6518934"/>
              <a:gd name="connsiteY3" fmla="*/ 1562187 h 8689546"/>
              <a:gd name="connsiteX4" fmla="*/ 215368 w 6518934"/>
              <a:gd name="connsiteY4" fmla="*/ 5607538 h 8689546"/>
              <a:gd name="connsiteX5" fmla="*/ 0 w 6518934"/>
              <a:gd name="connsiteY5" fmla="*/ 5941564 h 8689546"/>
              <a:gd name="connsiteX6" fmla="*/ 0 w 6518934"/>
              <a:gd name="connsiteY6" fmla="*/ 4712213 h 8689546"/>
              <a:gd name="connsiteX7" fmla="*/ 128232 w 6518934"/>
              <a:gd name="connsiteY7" fmla="*/ 4499811 h 8689546"/>
              <a:gd name="connsiteX8" fmla="*/ 2276232 w 6518934"/>
              <a:gd name="connsiteY8" fmla="*/ 0 h 8689546"/>
              <a:gd name="connsiteX9" fmla="*/ 6181375 w 6518934"/>
              <a:gd name="connsiteY9" fmla="*/ 7265389 h 868954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518934" h="8689546">
                <a:moveTo>
                  <a:pt x="6518934" y="7713706"/>
                </a:moveTo>
                <a:lnTo>
                  <a:pt x="6518934" y="8689546"/>
                </a:lnTo>
                <a:lnTo>
                  <a:pt x="5950426" y="7991442"/>
                </a:lnTo>
                <a:cubicBezTo>
                  <a:pt x="4530454" y="6153135"/>
                  <a:pt x="2978343" y="3504899"/>
                  <a:pt x="2276232" y="1562187"/>
                </a:cubicBezTo>
                <a:cubicBezTo>
                  <a:pt x="1837395" y="2799304"/>
                  <a:pt x="1072799" y="4236807"/>
                  <a:pt x="215368" y="5607538"/>
                </a:cubicBezTo>
                <a:lnTo>
                  <a:pt x="0" y="5941564"/>
                </a:lnTo>
                <a:lnTo>
                  <a:pt x="0" y="4712213"/>
                </a:lnTo>
                <a:lnTo>
                  <a:pt x="128232" y="4499811"/>
                </a:lnTo>
                <a:cubicBezTo>
                  <a:pt x="997775" y="3027798"/>
                  <a:pt x="1741692" y="1506924"/>
                  <a:pt x="2276232" y="0"/>
                </a:cubicBezTo>
                <a:cubicBezTo>
                  <a:pt x="3144844" y="2403387"/>
                  <a:pt x="4566351" y="5064766"/>
                  <a:pt x="6181375" y="7265389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12" name="צורה חופשית 11"/>
          <p:cNvSpPr/>
          <p:nvPr userDrawn="1"/>
        </p:nvSpPr>
        <p:spPr>
          <a:xfrm rot="16200000">
            <a:off x="-153607" y="125119"/>
            <a:ext cx="6518934" cy="6241751"/>
          </a:xfrm>
          <a:custGeom>
            <a:avLst/>
            <a:gdLst>
              <a:gd name="connsiteX0" fmla="*/ 2108081 w 6518934"/>
              <a:gd name="connsiteY0" fmla="*/ 0 h 6241750"/>
              <a:gd name="connsiteX1" fmla="*/ 2096840 w 6518934"/>
              <a:gd name="connsiteY1" fmla="*/ 27322 h 6241750"/>
              <a:gd name="connsiteX2" fmla="*/ 336506 w 6518934"/>
              <a:gd name="connsiteY2" fmla="*/ 3308494 h 6241750"/>
              <a:gd name="connsiteX3" fmla="*/ 0 w 6518934"/>
              <a:gd name="connsiteY3" fmla="*/ 3830399 h 6241750"/>
              <a:gd name="connsiteX4" fmla="*/ 0 w 6518934"/>
              <a:gd name="connsiteY4" fmla="*/ 2613819 h 6241750"/>
              <a:gd name="connsiteX5" fmla="*/ 249370 w 6518934"/>
              <a:gd name="connsiteY5" fmla="*/ 2200767 h 6241750"/>
              <a:gd name="connsiteX6" fmla="*/ 1170191 w 6518934"/>
              <a:gd name="connsiteY6" fmla="*/ 527452 h 6241750"/>
              <a:gd name="connsiteX7" fmla="*/ 1431161 w 6518934"/>
              <a:gd name="connsiteY7" fmla="*/ 0 h 6241750"/>
              <a:gd name="connsiteX8" fmla="*/ 6518934 w 6518934"/>
              <a:gd name="connsiteY8" fmla="*/ 5253777 h 6241750"/>
              <a:gd name="connsiteX9" fmla="*/ 6518934 w 6518934"/>
              <a:gd name="connsiteY9" fmla="*/ 6241750 h 6241750"/>
              <a:gd name="connsiteX10" fmla="*/ 6071564 w 6518934"/>
              <a:gd name="connsiteY10" fmla="*/ 5692398 h 6241750"/>
              <a:gd name="connsiteX11" fmla="*/ 2698587 w 6518934"/>
              <a:gd name="connsiteY11" fmla="*/ 21772 h 6241750"/>
              <a:gd name="connsiteX12" fmla="*/ 2689582 w 6518934"/>
              <a:gd name="connsiteY12" fmla="*/ 0 h 6241750"/>
              <a:gd name="connsiteX13" fmla="*/ 3359382 w 6518934"/>
              <a:gd name="connsiteY13" fmla="*/ 0 h 6241750"/>
              <a:gd name="connsiteX14" fmla="*/ 3624535 w 6518934"/>
              <a:gd name="connsiteY14" fmla="*/ 547695 h 6241750"/>
              <a:gd name="connsiteX15" fmla="*/ 6302513 w 6518934"/>
              <a:gd name="connsiteY15" fmla="*/ 4966345 h 62417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6518934" h="6241750">
                <a:moveTo>
                  <a:pt x="2108081" y="0"/>
                </a:moveTo>
                <a:lnTo>
                  <a:pt x="2096840" y="27322"/>
                </a:lnTo>
                <a:cubicBezTo>
                  <a:pt x="1648981" y="1072590"/>
                  <a:pt x="1022451" y="2211909"/>
                  <a:pt x="336506" y="3308494"/>
                </a:cubicBezTo>
                <a:lnTo>
                  <a:pt x="0" y="3830399"/>
                </a:lnTo>
                <a:lnTo>
                  <a:pt x="0" y="2613819"/>
                </a:lnTo>
                <a:lnTo>
                  <a:pt x="249370" y="2200767"/>
                </a:lnTo>
                <a:cubicBezTo>
                  <a:pt x="575449" y="1648763"/>
                  <a:pt x="883861" y="1089887"/>
                  <a:pt x="1170191" y="527452"/>
                </a:cubicBezTo>
                <a:lnTo>
                  <a:pt x="1431161" y="0"/>
                </a:lnTo>
                <a:close/>
                <a:moveTo>
                  <a:pt x="6518934" y="5253777"/>
                </a:moveTo>
                <a:lnTo>
                  <a:pt x="6518934" y="6241750"/>
                </a:lnTo>
                <a:lnTo>
                  <a:pt x="6071564" y="5692398"/>
                </a:lnTo>
                <a:cubicBezTo>
                  <a:pt x="4829089" y="4083880"/>
                  <a:pt x="3485444" y="1855259"/>
                  <a:pt x="2698587" y="21772"/>
                </a:cubicBezTo>
                <a:lnTo>
                  <a:pt x="2689582" y="0"/>
                </a:lnTo>
                <a:lnTo>
                  <a:pt x="3359382" y="0"/>
                </a:lnTo>
                <a:lnTo>
                  <a:pt x="3624535" y="547695"/>
                </a:lnTo>
                <a:cubicBezTo>
                  <a:pt x="4388076" y="2083398"/>
                  <a:pt x="5308652" y="3612116"/>
                  <a:pt x="6302513" y="4966345"/>
                </a:cubicBezTo>
                <a:close/>
              </a:path>
            </a:pathLst>
          </a:custGeom>
          <a:gradFill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</p:spTree>
    <p:extLst>
      <p:ext uri="{BB962C8B-B14F-4D97-AF65-F5344CB8AC3E}">
        <p14:creationId xmlns:p14="http://schemas.microsoft.com/office/powerpoint/2010/main" val="179824569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650027" y="2020888"/>
            <a:ext cx="7808843" cy="1701800"/>
          </a:xfrm>
        </p:spPr>
        <p:txBody>
          <a:bodyPr anchor="b"/>
          <a:lstStyle>
            <a:lvl1pPr algn="r">
              <a:defRPr sz="6000"/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511099" y="3873464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314D311-5A35-41DB-853A-B54CA4366813}" type="datetime8">
              <a:rPr lang="he-IL" smtClean="0">
                <a:solidFill>
                  <a:prstClr val="black"/>
                </a:solidFill>
              </a:rPr>
              <a:pPr/>
              <a:t>28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pic>
        <p:nvPicPr>
          <p:cNvPr id="9" name="תמונה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0251508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07418" y="364883"/>
            <a:ext cx="10076593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A1DC6BE-D243-495A-9AC7-3CEC33581C24}" type="datetime8">
              <a:rPr lang="he-IL" smtClean="0">
                <a:solidFill>
                  <a:prstClr val="black"/>
                </a:solidFill>
              </a:rPr>
              <a:pPr/>
              <a:t>28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7" name="מציין מיקום תוכן 6"/>
          <p:cNvSpPr>
            <a:spLocks noGrp="1"/>
          </p:cNvSpPr>
          <p:nvPr>
            <p:ph sz="quarter" idx="13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pic>
        <p:nvPicPr>
          <p:cNvPr id="10" name="תמונה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33983177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352582" y="424945"/>
            <a:ext cx="10440598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2CD260D6-827D-462C-8231-5D34D45BA23D}" type="datetime8">
              <a:rPr lang="he-IL" smtClean="0">
                <a:solidFill>
                  <a:prstClr val="black"/>
                </a:solidFill>
              </a:rPr>
              <a:pPr/>
              <a:t>28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44656087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945F50EE-35F9-4915-A0A5-F4FE23752081}" type="datetime8">
              <a:rPr lang="he-IL" smtClean="0">
                <a:solidFill>
                  <a:prstClr val="black"/>
                </a:solidFill>
              </a:rPr>
              <a:pPr/>
              <a:t>28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51368978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709FC259-B6A2-49C9-87EF-FAE3294A6656}" type="datetime8">
              <a:rPr lang="he-IL" smtClean="0">
                <a:solidFill>
                  <a:prstClr val="black"/>
                </a:solidFill>
              </a:rPr>
              <a:pPr/>
              <a:t>28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8" name="מלבן 7"/>
          <p:cNvSpPr/>
          <p:nvPr userDrawn="1"/>
        </p:nvSpPr>
        <p:spPr>
          <a:xfrm>
            <a:off x="10607334" y="3055140"/>
            <a:ext cx="906011" cy="830510"/>
          </a:xfrm>
          <a:prstGeom prst="rect">
            <a:avLst/>
          </a:prstGeom>
          <a:solidFill>
            <a:srgbClr val="F9F8ED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49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4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37</a:t>
            </a:r>
          </a:p>
        </p:txBody>
      </p:sp>
      <p:sp>
        <p:nvSpPr>
          <p:cNvPr id="9" name="מלבן 8"/>
          <p:cNvSpPr/>
          <p:nvPr userDrawn="1"/>
        </p:nvSpPr>
        <p:spPr>
          <a:xfrm>
            <a:off x="10035317" y="3869187"/>
            <a:ext cx="906011" cy="830510"/>
          </a:xfrm>
          <a:prstGeom prst="rect">
            <a:avLst/>
          </a:prstGeom>
          <a:solidFill>
            <a:srgbClr val="F4E7D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4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31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11</a:t>
            </a:r>
          </a:p>
        </p:txBody>
      </p:sp>
      <p:sp>
        <p:nvSpPr>
          <p:cNvPr id="10" name="מלבן 9"/>
          <p:cNvSpPr/>
          <p:nvPr userDrawn="1"/>
        </p:nvSpPr>
        <p:spPr>
          <a:xfrm>
            <a:off x="7456266" y="2413120"/>
            <a:ext cx="906011" cy="830510"/>
          </a:xfrm>
          <a:prstGeom prst="rect">
            <a:avLst/>
          </a:prstGeom>
          <a:solidFill>
            <a:srgbClr val="0881A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rgbClr val="F9F8ED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129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163</a:t>
            </a:r>
          </a:p>
        </p:txBody>
      </p:sp>
      <p:sp>
        <p:nvSpPr>
          <p:cNvPr id="11" name="מלבן 10"/>
          <p:cNvSpPr/>
          <p:nvPr userDrawn="1"/>
        </p:nvSpPr>
        <p:spPr>
          <a:xfrm>
            <a:off x="9218001" y="1533962"/>
            <a:ext cx="906011" cy="830510"/>
          </a:xfrm>
          <a:prstGeom prst="rect">
            <a:avLst/>
          </a:prstGeom>
          <a:solidFill>
            <a:srgbClr val="1F4E5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rgbClr val="F9F8ED"/>
                </a:solidFill>
              </a:rPr>
              <a:t>31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78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95</a:t>
            </a:r>
          </a:p>
        </p:txBody>
      </p:sp>
      <p:sp>
        <p:nvSpPr>
          <p:cNvPr id="12" name="מלבן 11"/>
          <p:cNvSpPr/>
          <p:nvPr userDrawn="1"/>
        </p:nvSpPr>
        <p:spPr>
          <a:xfrm>
            <a:off x="6606905" y="5071740"/>
            <a:ext cx="906011" cy="830510"/>
          </a:xfrm>
          <a:prstGeom prst="rect">
            <a:avLst/>
          </a:prstGeom>
          <a:solidFill>
            <a:srgbClr val="7B08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123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</p:txBody>
      </p:sp>
      <p:sp>
        <p:nvSpPr>
          <p:cNvPr id="13" name="מלבן 12"/>
          <p:cNvSpPr/>
          <p:nvPr userDrawn="1"/>
        </p:nvSpPr>
        <p:spPr>
          <a:xfrm>
            <a:off x="6153900" y="3928695"/>
            <a:ext cx="906011" cy="830510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3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</p:txBody>
      </p:sp>
      <p:sp>
        <p:nvSpPr>
          <p:cNvPr id="14" name="מלבן 13"/>
          <p:cNvSpPr/>
          <p:nvPr userDrawn="1"/>
        </p:nvSpPr>
        <p:spPr>
          <a:xfrm>
            <a:off x="7096894" y="4109670"/>
            <a:ext cx="906011" cy="830510"/>
          </a:xfrm>
          <a:prstGeom prst="rect">
            <a:avLst/>
          </a:prstGeom>
          <a:solidFill>
            <a:srgbClr val="08A46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05</a:t>
            </a:r>
          </a:p>
        </p:txBody>
      </p:sp>
      <p:sp>
        <p:nvSpPr>
          <p:cNvPr id="15" name="מלבן 14"/>
          <p:cNvSpPr/>
          <p:nvPr userDrawn="1"/>
        </p:nvSpPr>
        <p:spPr>
          <a:xfrm>
            <a:off x="5157009" y="4797026"/>
            <a:ext cx="906011" cy="830510"/>
          </a:xfrm>
          <a:prstGeom prst="rect">
            <a:avLst/>
          </a:prstGeom>
          <a:solidFill>
            <a:srgbClr val="D9E3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17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27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1</a:t>
            </a:r>
          </a:p>
        </p:txBody>
      </p:sp>
      <p:sp>
        <p:nvSpPr>
          <p:cNvPr id="16" name="מלבן 15"/>
          <p:cNvSpPr/>
          <p:nvPr userDrawn="1"/>
        </p:nvSpPr>
        <p:spPr>
          <a:xfrm>
            <a:off x="7922629" y="4913506"/>
            <a:ext cx="906011" cy="830510"/>
          </a:xfrm>
          <a:prstGeom prst="rect">
            <a:avLst/>
          </a:prstGeom>
          <a:solidFill>
            <a:srgbClr val="D4910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12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45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0</a:t>
            </a:r>
          </a:p>
        </p:txBody>
      </p:sp>
      <p:sp>
        <p:nvSpPr>
          <p:cNvPr id="17" name="מלבן 16"/>
          <p:cNvSpPr/>
          <p:nvPr userDrawn="1"/>
        </p:nvSpPr>
        <p:spPr>
          <a:xfrm>
            <a:off x="4944465" y="3137868"/>
            <a:ext cx="906011" cy="830510"/>
          </a:xfrm>
          <a:prstGeom prst="rect">
            <a:avLst/>
          </a:prstGeom>
          <a:solidFill>
            <a:srgbClr val="09BF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9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91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87</a:t>
            </a:r>
          </a:p>
        </p:txBody>
      </p:sp>
      <p:sp>
        <p:nvSpPr>
          <p:cNvPr id="18" name="TextBox 17"/>
          <p:cNvSpPr txBox="1"/>
          <p:nvPr userDrawn="1"/>
        </p:nvSpPr>
        <p:spPr>
          <a:xfrm>
            <a:off x="7525048" y="2348917"/>
            <a:ext cx="385881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</a:rPr>
              <a:t> ,.?.;~\/</a:t>
            </a:r>
          </a:p>
          <a:p>
            <a:endParaRPr lang="he-IL" dirty="0">
              <a:solidFill>
                <a:prstClr val="black"/>
              </a:solidFill>
            </a:endParaRPr>
          </a:p>
          <a:p>
            <a:r>
              <a:rPr lang="he-IL" b="1" dirty="0" err="1">
                <a:solidFill>
                  <a:prstClr val="black"/>
                </a:solidFill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</a:rPr>
              <a:t> ,.?.;~\/</a:t>
            </a:r>
          </a:p>
          <a:p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9" name="TextBox 18"/>
          <p:cNvSpPr txBox="1"/>
          <p:nvPr userDrawn="1"/>
        </p:nvSpPr>
        <p:spPr>
          <a:xfrm>
            <a:off x="7328200" y="4110605"/>
            <a:ext cx="395499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>
              <a:solidFill>
                <a:prstClr val="black"/>
              </a:solidFill>
              <a:cs typeface="Heebo Black"/>
            </a:endParaRPr>
          </a:p>
          <a:p>
            <a:r>
              <a:rPr lang="he-IL" b="1" dirty="0" err="1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>
              <a:solidFill>
                <a:prstClr val="black"/>
              </a:solidFill>
              <a:cs typeface="Heebo Black"/>
            </a:endParaRPr>
          </a:p>
        </p:txBody>
      </p:sp>
      <p:sp>
        <p:nvSpPr>
          <p:cNvPr id="20" name="TextBox 19"/>
          <p:cNvSpPr txBox="1"/>
          <p:nvPr userDrawn="1"/>
        </p:nvSpPr>
        <p:spPr>
          <a:xfrm>
            <a:off x="2819893" y="2135939"/>
            <a:ext cx="3773854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  <a:p>
            <a:r>
              <a:rPr lang="he-IL" b="1" dirty="0" err="1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1761533717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התבנית האמית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1"/>
          <p:cNvSpPr>
            <a:spLocks noGrp="1"/>
          </p:cNvSpPr>
          <p:nvPr>
            <p:ph type="title"/>
          </p:nvPr>
        </p:nvSpPr>
        <p:spPr>
          <a:xfrm>
            <a:off x="734531" y="222308"/>
            <a:ext cx="11122022" cy="558279"/>
          </a:xfrm>
        </p:spPr>
        <p:txBody>
          <a:bodyPr anchor="t">
            <a:noAutofit/>
          </a:bodyPr>
          <a:lstStyle>
            <a:lvl1pPr>
              <a:defRPr sz="4400" b="0" baseline="0">
                <a:latin typeface="Arial Black" panose="020B0A04020102020204" pitchFamily="34" charset="0"/>
                <a:cs typeface="+mj-cs"/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5612123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07988" y="368301"/>
            <a:ext cx="10440598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2CD260D6-827D-462C-8231-5D34D45BA23D}" type="datetime8">
              <a:rPr lang="he-IL" smtClean="0"/>
              <a:t>28 נובמבר 19</a:t>
            </a:fld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pPr/>
              <a:t>‹#›</a:t>
            </a:fld>
            <a:endParaRPr lang="he-IL"/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22981137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 name="Title - To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" name="Shape 48"/>
          <p:cNvSpPr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/>
          <a:lstStyle/>
          <a:p>
            <a:r>
              <a:t>Title Text</a:t>
            </a:r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42187783"/>
      </p:ext>
    </p:extLst>
  </p:cSld>
  <p:clrMapOvr>
    <a:masterClrMapping/>
  </p:clrMapOvr>
  <p:transition spd="med"/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650027" y="2020888"/>
            <a:ext cx="7808843" cy="1701800"/>
          </a:xfrm>
        </p:spPr>
        <p:txBody>
          <a:bodyPr anchor="b"/>
          <a:lstStyle>
            <a:lvl1pPr algn="r">
              <a:defRPr sz="6000"/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511099" y="3873464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pic>
        <p:nvPicPr>
          <p:cNvPr id="9" name="תמונה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63323107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07418" y="364883"/>
            <a:ext cx="10076593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7" name="מציין מיקום תוכן 6"/>
          <p:cNvSpPr>
            <a:spLocks noGrp="1"/>
          </p:cNvSpPr>
          <p:nvPr>
            <p:ph sz="quarter" idx="13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pic>
        <p:nvPicPr>
          <p:cNvPr id="10" name="תמונה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61681925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352582" y="424945"/>
            <a:ext cx="10440598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26934391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שקפי הפחדה"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877300" y="424944"/>
            <a:ext cx="2915880" cy="4210555"/>
          </a:xfrm>
        </p:spPr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3450090103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13332537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709FC259-B6A2-49C9-87EF-FAE3294A6656}" type="datetime8">
              <a:rPr lang="he-IL" smtClean="0">
                <a:solidFill>
                  <a:prstClr val="black"/>
                </a:solidFill>
              </a:rPr>
              <a:pPr/>
              <a:t>28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8" name="מלבן 7"/>
          <p:cNvSpPr/>
          <p:nvPr userDrawn="1"/>
        </p:nvSpPr>
        <p:spPr>
          <a:xfrm>
            <a:off x="10607334" y="3055140"/>
            <a:ext cx="906011" cy="830510"/>
          </a:xfrm>
          <a:prstGeom prst="rect">
            <a:avLst/>
          </a:prstGeom>
          <a:solidFill>
            <a:srgbClr val="F9F8ED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49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4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37</a:t>
            </a:r>
          </a:p>
        </p:txBody>
      </p:sp>
      <p:sp>
        <p:nvSpPr>
          <p:cNvPr id="9" name="מלבן 8"/>
          <p:cNvSpPr/>
          <p:nvPr userDrawn="1"/>
        </p:nvSpPr>
        <p:spPr>
          <a:xfrm>
            <a:off x="10035317" y="3869187"/>
            <a:ext cx="906011" cy="830510"/>
          </a:xfrm>
          <a:prstGeom prst="rect">
            <a:avLst/>
          </a:prstGeom>
          <a:solidFill>
            <a:srgbClr val="F4E7D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4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31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11</a:t>
            </a:r>
          </a:p>
        </p:txBody>
      </p:sp>
      <p:sp>
        <p:nvSpPr>
          <p:cNvPr id="10" name="מלבן 9"/>
          <p:cNvSpPr/>
          <p:nvPr userDrawn="1"/>
        </p:nvSpPr>
        <p:spPr>
          <a:xfrm>
            <a:off x="7456266" y="2413120"/>
            <a:ext cx="906011" cy="830510"/>
          </a:xfrm>
          <a:prstGeom prst="rect">
            <a:avLst/>
          </a:prstGeom>
          <a:solidFill>
            <a:srgbClr val="0881A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rgbClr val="F9F8ED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129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163</a:t>
            </a:r>
          </a:p>
        </p:txBody>
      </p:sp>
      <p:sp>
        <p:nvSpPr>
          <p:cNvPr id="11" name="מלבן 10"/>
          <p:cNvSpPr/>
          <p:nvPr userDrawn="1"/>
        </p:nvSpPr>
        <p:spPr>
          <a:xfrm>
            <a:off x="9218001" y="1533962"/>
            <a:ext cx="906011" cy="830510"/>
          </a:xfrm>
          <a:prstGeom prst="rect">
            <a:avLst/>
          </a:prstGeom>
          <a:solidFill>
            <a:srgbClr val="1F4E5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rgbClr val="F9F8ED"/>
                </a:solidFill>
              </a:rPr>
              <a:t>31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78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95</a:t>
            </a:r>
          </a:p>
        </p:txBody>
      </p:sp>
      <p:sp>
        <p:nvSpPr>
          <p:cNvPr id="12" name="מלבן 11"/>
          <p:cNvSpPr/>
          <p:nvPr userDrawn="1"/>
        </p:nvSpPr>
        <p:spPr>
          <a:xfrm>
            <a:off x="6606905" y="5071740"/>
            <a:ext cx="906011" cy="830510"/>
          </a:xfrm>
          <a:prstGeom prst="rect">
            <a:avLst/>
          </a:prstGeom>
          <a:solidFill>
            <a:srgbClr val="7B08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123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</p:txBody>
      </p:sp>
      <p:sp>
        <p:nvSpPr>
          <p:cNvPr id="13" name="מלבן 12"/>
          <p:cNvSpPr/>
          <p:nvPr userDrawn="1"/>
        </p:nvSpPr>
        <p:spPr>
          <a:xfrm>
            <a:off x="6153900" y="3928695"/>
            <a:ext cx="906011" cy="830510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3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</p:txBody>
      </p:sp>
      <p:sp>
        <p:nvSpPr>
          <p:cNvPr id="14" name="מלבן 13"/>
          <p:cNvSpPr/>
          <p:nvPr userDrawn="1"/>
        </p:nvSpPr>
        <p:spPr>
          <a:xfrm>
            <a:off x="7096894" y="4109670"/>
            <a:ext cx="906011" cy="830510"/>
          </a:xfrm>
          <a:prstGeom prst="rect">
            <a:avLst/>
          </a:prstGeom>
          <a:solidFill>
            <a:srgbClr val="08A46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05</a:t>
            </a:r>
          </a:p>
        </p:txBody>
      </p:sp>
      <p:sp>
        <p:nvSpPr>
          <p:cNvPr id="15" name="מלבן 14"/>
          <p:cNvSpPr/>
          <p:nvPr userDrawn="1"/>
        </p:nvSpPr>
        <p:spPr>
          <a:xfrm>
            <a:off x="5157009" y="4797026"/>
            <a:ext cx="906011" cy="830510"/>
          </a:xfrm>
          <a:prstGeom prst="rect">
            <a:avLst/>
          </a:prstGeom>
          <a:solidFill>
            <a:srgbClr val="D9E3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17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27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1</a:t>
            </a:r>
          </a:p>
        </p:txBody>
      </p:sp>
      <p:sp>
        <p:nvSpPr>
          <p:cNvPr id="16" name="מלבן 15"/>
          <p:cNvSpPr/>
          <p:nvPr userDrawn="1"/>
        </p:nvSpPr>
        <p:spPr>
          <a:xfrm>
            <a:off x="7922629" y="4913506"/>
            <a:ext cx="906011" cy="830510"/>
          </a:xfrm>
          <a:prstGeom prst="rect">
            <a:avLst/>
          </a:prstGeom>
          <a:solidFill>
            <a:srgbClr val="D4910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12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45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0</a:t>
            </a:r>
          </a:p>
        </p:txBody>
      </p:sp>
      <p:sp>
        <p:nvSpPr>
          <p:cNvPr id="17" name="מלבן 16"/>
          <p:cNvSpPr/>
          <p:nvPr userDrawn="1"/>
        </p:nvSpPr>
        <p:spPr>
          <a:xfrm>
            <a:off x="4944465" y="3137868"/>
            <a:ext cx="906011" cy="830510"/>
          </a:xfrm>
          <a:prstGeom prst="rect">
            <a:avLst/>
          </a:prstGeom>
          <a:solidFill>
            <a:srgbClr val="09BF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9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91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87</a:t>
            </a:r>
          </a:p>
        </p:txBody>
      </p:sp>
      <p:sp>
        <p:nvSpPr>
          <p:cNvPr id="18" name="TextBox 17"/>
          <p:cNvSpPr txBox="1"/>
          <p:nvPr userDrawn="1"/>
        </p:nvSpPr>
        <p:spPr>
          <a:xfrm>
            <a:off x="7525048" y="2348917"/>
            <a:ext cx="385881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</a:rPr>
              <a:t> ,.?.;~\/</a:t>
            </a:r>
          </a:p>
          <a:p>
            <a:endParaRPr lang="he-IL" dirty="0">
              <a:solidFill>
                <a:prstClr val="black"/>
              </a:solidFill>
            </a:endParaRPr>
          </a:p>
          <a:p>
            <a:r>
              <a:rPr lang="he-IL" b="1" dirty="0" err="1">
                <a:solidFill>
                  <a:prstClr val="black"/>
                </a:solidFill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</a:rPr>
              <a:t> ,.?.;~\/</a:t>
            </a:r>
          </a:p>
          <a:p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9" name="TextBox 18"/>
          <p:cNvSpPr txBox="1"/>
          <p:nvPr userDrawn="1"/>
        </p:nvSpPr>
        <p:spPr>
          <a:xfrm>
            <a:off x="7328200" y="4110605"/>
            <a:ext cx="395499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>
              <a:solidFill>
                <a:prstClr val="black"/>
              </a:solidFill>
              <a:cs typeface="Heebo Black"/>
            </a:endParaRPr>
          </a:p>
          <a:p>
            <a:r>
              <a:rPr lang="he-IL" b="1" dirty="0" err="1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>
              <a:solidFill>
                <a:prstClr val="black"/>
              </a:solidFill>
              <a:cs typeface="Heebo Black"/>
            </a:endParaRPr>
          </a:p>
        </p:txBody>
      </p:sp>
      <p:sp>
        <p:nvSpPr>
          <p:cNvPr id="20" name="TextBox 19"/>
          <p:cNvSpPr txBox="1"/>
          <p:nvPr userDrawn="1"/>
        </p:nvSpPr>
        <p:spPr>
          <a:xfrm>
            <a:off x="2819893" y="2135939"/>
            <a:ext cx="3773854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  <a:p>
            <a:r>
              <a:rPr lang="he-IL" b="1" dirty="0" err="1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13819280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התבנית האמית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1"/>
          <p:cNvSpPr>
            <a:spLocks noGrp="1"/>
          </p:cNvSpPr>
          <p:nvPr>
            <p:ph type="title"/>
          </p:nvPr>
        </p:nvSpPr>
        <p:spPr>
          <a:xfrm>
            <a:off x="734531" y="222308"/>
            <a:ext cx="11122022" cy="558279"/>
          </a:xfrm>
        </p:spPr>
        <p:txBody>
          <a:bodyPr anchor="t">
            <a:noAutofit/>
          </a:bodyPr>
          <a:lstStyle>
            <a:lvl1pPr>
              <a:defRPr sz="4400" b="0" baseline="0">
                <a:latin typeface="Arial Black" panose="020B0A04020102020204" pitchFamily="34" charset="0"/>
                <a:cs typeface="+mj-cs"/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91050560"/>
      </p:ext>
    </p:extLst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 name="Title - To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" name="Shape 48"/>
          <p:cNvSpPr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/>
          <a:lstStyle/>
          <a:p>
            <a:r>
              <a:t>Title Text</a:t>
            </a:r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25283693"/>
      </p:ext>
    </p:extLst>
  </p:cSld>
  <p:clrMapOvr>
    <a:masterClrMapping/>
  </p:clrMapOvr>
  <p:transition spd="med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945F50EE-35F9-4915-A0A5-F4FE23752081}" type="datetime8">
              <a:rPr lang="he-IL" smtClean="0"/>
              <a:t>28 נובמבר 19</a:t>
            </a:fld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t>‹#›</a:t>
            </a:fld>
            <a:endParaRPr lang="he-IL"/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6220027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709FC259-B6A2-49C9-87EF-FAE3294A6656}" type="datetime8">
              <a:rPr lang="he-IL" smtClean="0"/>
              <a:t>28 נובמבר 19</a:t>
            </a:fld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t>‹#›</a:t>
            </a:fld>
            <a:endParaRPr lang="he-IL"/>
          </a:p>
        </p:txBody>
      </p:sp>
      <p:sp>
        <p:nvSpPr>
          <p:cNvPr id="8" name="מלבן 7"/>
          <p:cNvSpPr/>
          <p:nvPr userDrawn="1"/>
        </p:nvSpPr>
        <p:spPr>
          <a:xfrm>
            <a:off x="10607334" y="3055140"/>
            <a:ext cx="906011" cy="830510"/>
          </a:xfrm>
          <a:prstGeom prst="rect">
            <a:avLst/>
          </a:prstGeom>
          <a:solidFill>
            <a:srgbClr val="F9F8ED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249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248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237</a:t>
            </a:r>
          </a:p>
        </p:txBody>
      </p:sp>
      <p:sp>
        <p:nvSpPr>
          <p:cNvPr id="9" name="מלבן 8"/>
          <p:cNvSpPr/>
          <p:nvPr userDrawn="1"/>
        </p:nvSpPr>
        <p:spPr>
          <a:xfrm>
            <a:off x="10035317" y="3869187"/>
            <a:ext cx="906011" cy="830510"/>
          </a:xfrm>
          <a:prstGeom prst="rect">
            <a:avLst/>
          </a:prstGeom>
          <a:solidFill>
            <a:srgbClr val="F4E7D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244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231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211</a:t>
            </a:r>
          </a:p>
        </p:txBody>
      </p:sp>
      <p:sp>
        <p:nvSpPr>
          <p:cNvPr id="10" name="מלבן 9"/>
          <p:cNvSpPr/>
          <p:nvPr userDrawn="1"/>
        </p:nvSpPr>
        <p:spPr>
          <a:xfrm>
            <a:off x="7456266" y="2413120"/>
            <a:ext cx="906011" cy="830510"/>
          </a:xfrm>
          <a:prstGeom prst="rect">
            <a:avLst/>
          </a:prstGeom>
          <a:solidFill>
            <a:srgbClr val="0881A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bg1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schemeClr val="bg1"/>
                </a:solidFill>
              </a:rPr>
              <a:t>129</a:t>
            </a:r>
          </a:p>
          <a:p>
            <a:pPr algn="ctr"/>
            <a:r>
              <a:rPr lang="he-IL" dirty="0">
                <a:solidFill>
                  <a:schemeClr val="bg1"/>
                </a:solidFill>
              </a:rPr>
              <a:t>163</a:t>
            </a:r>
          </a:p>
        </p:txBody>
      </p:sp>
      <p:sp>
        <p:nvSpPr>
          <p:cNvPr id="11" name="מלבן 10"/>
          <p:cNvSpPr/>
          <p:nvPr userDrawn="1"/>
        </p:nvSpPr>
        <p:spPr>
          <a:xfrm>
            <a:off x="9218001" y="1533962"/>
            <a:ext cx="906011" cy="830510"/>
          </a:xfrm>
          <a:prstGeom prst="rect">
            <a:avLst/>
          </a:prstGeom>
          <a:solidFill>
            <a:srgbClr val="1F4E5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bg1"/>
                </a:solidFill>
              </a:rPr>
              <a:t>31</a:t>
            </a:r>
          </a:p>
          <a:p>
            <a:pPr algn="ctr"/>
            <a:r>
              <a:rPr lang="he-IL" dirty="0">
                <a:solidFill>
                  <a:schemeClr val="bg1"/>
                </a:solidFill>
              </a:rPr>
              <a:t>78</a:t>
            </a:r>
          </a:p>
          <a:p>
            <a:pPr algn="ctr"/>
            <a:r>
              <a:rPr lang="he-IL" dirty="0">
                <a:solidFill>
                  <a:schemeClr val="bg1"/>
                </a:solidFill>
              </a:rPr>
              <a:t>95</a:t>
            </a:r>
          </a:p>
        </p:txBody>
      </p:sp>
      <p:sp>
        <p:nvSpPr>
          <p:cNvPr id="12" name="מלבן 11"/>
          <p:cNvSpPr/>
          <p:nvPr userDrawn="1"/>
        </p:nvSpPr>
        <p:spPr>
          <a:xfrm>
            <a:off x="6606905" y="5071740"/>
            <a:ext cx="906011" cy="830510"/>
          </a:xfrm>
          <a:prstGeom prst="rect">
            <a:avLst/>
          </a:prstGeom>
          <a:solidFill>
            <a:srgbClr val="7B08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123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64</a:t>
            </a:r>
          </a:p>
        </p:txBody>
      </p:sp>
      <p:sp>
        <p:nvSpPr>
          <p:cNvPr id="13" name="מלבן 12"/>
          <p:cNvSpPr/>
          <p:nvPr userDrawn="1"/>
        </p:nvSpPr>
        <p:spPr>
          <a:xfrm>
            <a:off x="6153900" y="3928695"/>
            <a:ext cx="906011" cy="830510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34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8</a:t>
            </a:r>
          </a:p>
        </p:txBody>
      </p:sp>
      <p:sp>
        <p:nvSpPr>
          <p:cNvPr id="14" name="מלבן 13"/>
          <p:cNvSpPr/>
          <p:nvPr userDrawn="1"/>
        </p:nvSpPr>
        <p:spPr>
          <a:xfrm>
            <a:off x="7096894" y="4109670"/>
            <a:ext cx="906011" cy="830510"/>
          </a:xfrm>
          <a:prstGeom prst="rect">
            <a:avLst/>
          </a:prstGeom>
          <a:solidFill>
            <a:srgbClr val="08A46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05</a:t>
            </a:r>
          </a:p>
        </p:txBody>
      </p:sp>
      <p:sp>
        <p:nvSpPr>
          <p:cNvPr id="15" name="מלבן 14"/>
          <p:cNvSpPr/>
          <p:nvPr userDrawn="1"/>
        </p:nvSpPr>
        <p:spPr>
          <a:xfrm>
            <a:off x="5157009" y="4797026"/>
            <a:ext cx="906011" cy="830510"/>
          </a:xfrm>
          <a:prstGeom prst="rect">
            <a:avLst/>
          </a:prstGeom>
          <a:solidFill>
            <a:srgbClr val="D9E3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217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227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1</a:t>
            </a:r>
          </a:p>
        </p:txBody>
      </p:sp>
      <p:sp>
        <p:nvSpPr>
          <p:cNvPr id="16" name="מלבן 15"/>
          <p:cNvSpPr/>
          <p:nvPr userDrawn="1"/>
        </p:nvSpPr>
        <p:spPr>
          <a:xfrm>
            <a:off x="7922629" y="4913506"/>
            <a:ext cx="906011" cy="830510"/>
          </a:xfrm>
          <a:prstGeom prst="rect">
            <a:avLst/>
          </a:prstGeom>
          <a:solidFill>
            <a:srgbClr val="D4910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212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45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0</a:t>
            </a:r>
          </a:p>
        </p:txBody>
      </p:sp>
      <p:sp>
        <p:nvSpPr>
          <p:cNvPr id="17" name="מלבן 16"/>
          <p:cNvSpPr/>
          <p:nvPr userDrawn="1"/>
        </p:nvSpPr>
        <p:spPr>
          <a:xfrm>
            <a:off x="4944465" y="3137868"/>
            <a:ext cx="906011" cy="830510"/>
          </a:xfrm>
          <a:prstGeom prst="rect">
            <a:avLst/>
          </a:prstGeom>
          <a:solidFill>
            <a:srgbClr val="09BF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9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91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87</a:t>
            </a:r>
          </a:p>
        </p:txBody>
      </p:sp>
      <p:sp>
        <p:nvSpPr>
          <p:cNvPr id="18" name="TextBox 17"/>
          <p:cNvSpPr txBox="1"/>
          <p:nvPr userDrawn="1"/>
        </p:nvSpPr>
        <p:spPr>
          <a:xfrm>
            <a:off x="7525048" y="2348917"/>
            <a:ext cx="385881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/>
              <a:t>אבגדהוזחטיכלמנסעפצקרשת</a:t>
            </a:r>
            <a:r>
              <a:rPr lang="he-IL" dirty="0"/>
              <a:t> ,.?.;~\/</a:t>
            </a:r>
          </a:p>
          <a:p>
            <a:endParaRPr lang="he-IL" dirty="0"/>
          </a:p>
          <a:p>
            <a:r>
              <a:rPr lang="he-IL" b="1" dirty="0" err="1"/>
              <a:t>אבגדהוזחטיכלמנסעפצקרשת</a:t>
            </a:r>
            <a:r>
              <a:rPr lang="he-IL" b="1" dirty="0"/>
              <a:t> ,.?.;~\/</a:t>
            </a:r>
          </a:p>
          <a:p>
            <a:endParaRPr lang="he-IL" dirty="0"/>
          </a:p>
        </p:txBody>
      </p:sp>
      <p:sp>
        <p:nvSpPr>
          <p:cNvPr id="19" name="TextBox 18"/>
          <p:cNvSpPr txBox="1"/>
          <p:nvPr userDrawn="1"/>
        </p:nvSpPr>
        <p:spPr>
          <a:xfrm>
            <a:off x="7328200" y="4110605"/>
            <a:ext cx="395499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cs typeface="+mj-cs"/>
              </a:rPr>
              <a:t>אבגדהוזחטיכלמנסעפצקרשת</a:t>
            </a:r>
            <a:r>
              <a:rPr lang="he-IL" dirty="0">
                <a:cs typeface="+mj-cs"/>
              </a:rPr>
              <a:t> ,.?.;~\/</a:t>
            </a:r>
          </a:p>
          <a:p>
            <a:endParaRPr lang="he-IL" dirty="0">
              <a:cs typeface="+mj-cs"/>
            </a:endParaRPr>
          </a:p>
          <a:p>
            <a:r>
              <a:rPr lang="he-IL" b="1" dirty="0" err="1">
                <a:cs typeface="+mj-cs"/>
              </a:rPr>
              <a:t>אבגדהוזחטיכלמנסעפצקרשת</a:t>
            </a:r>
            <a:r>
              <a:rPr lang="he-IL" b="1" dirty="0">
                <a:cs typeface="+mj-cs"/>
              </a:rPr>
              <a:t> ,.?.;~\/</a:t>
            </a:r>
          </a:p>
          <a:p>
            <a:endParaRPr lang="he-IL" dirty="0">
              <a:cs typeface="+mj-cs"/>
            </a:endParaRPr>
          </a:p>
        </p:txBody>
      </p:sp>
      <p:sp>
        <p:nvSpPr>
          <p:cNvPr id="20" name="TextBox 19"/>
          <p:cNvSpPr txBox="1"/>
          <p:nvPr userDrawn="1"/>
        </p:nvSpPr>
        <p:spPr>
          <a:xfrm>
            <a:off x="2819893" y="2135939"/>
            <a:ext cx="3773854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dirty="0"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latin typeface="Heebo Medium" panose="00000600000000000000" charset="-79"/>
              <a:cs typeface="Heebo Medium" panose="00000600000000000000" charset="-79"/>
            </a:endParaRPr>
          </a:p>
          <a:p>
            <a:r>
              <a:rPr lang="he-IL" b="1" dirty="0" err="1"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b="1" dirty="0"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latin typeface="Heebo Medium" panose="00000600000000000000" charset="-79"/>
              <a:cs typeface="Heebo Medium" panose="00000600000000000000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16533802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8200" y="365126"/>
            <a:ext cx="10515600" cy="1325563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B3033BD-A760-4738-B2B8-3C628794A0AD}" type="datetime8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28 נובמבר 19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dirty="0">
                <a:solidFill>
                  <a:prstClr val="black">
                    <a:tint val="75000"/>
                  </a:prstClr>
                </a:solidFill>
              </a:rPr>
              <a:t>-סודי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-8501" y="5991226"/>
            <a:ext cx="2743200" cy="365125"/>
          </a:xfrm>
          <a:prstGeom prst="rect">
            <a:avLst/>
          </a:prstGeom>
        </p:spPr>
        <p:txBody>
          <a:bodyPr/>
          <a:lstStyle/>
          <a:p>
            <a:fld id="{56B9E5F0-AEDA-4697-9604-B6A23031C60C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7" name="Slide Number Placeholder 4"/>
          <p:cNvSpPr txBox="1">
            <a:spLocks/>
          </p:cNvSpPr>
          <p:nvPr userDrawn="1"/>
        </p:nvSpPr>
        <p:spPr>
          <a:xfrm>
            <a:off x="25401" y="6038849"/>
            <a:ext cx="762000" cy="266700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3F7E079E-4C5E-48CC-9F54-B755894FC431}" type="slidenum">
              <a:rPr lang="he-IL" sz="1800" smtClean="0">
                <a:solidFill>
                  <a:prstClr val="black">
                    <a:lumMod val="65000"/>
                    <a:lumOff val="35000"/>
                  </a:prstClr>
                </a:solidFill>
              </a:rPr>
              <a:pPr>
                <a:defRPr/>
              </a:pPr>
              <a:t>‹#›</a:t>
            </a:fld>
            <a:endParaRPr lang="he-IL" sz="1800" dirty="0">
              <a:solidFill>
                <a:prstClr val="black">
                  <a:lumMod val="65000"/>
                  <a:lumOff val="3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5040122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buSzPct val="80000"/>
              <a:buFont typeface="Wingdings" pitchFamily="2" charset="2"/>
              <a:buChar char="n"/>
              <a:defRPr/>
            </a:lvl1pPr>
            <a:lvl2pPr>
              <a:buSzPct val="75000"/>
              <a:buFont typeface="Arial" pitchFamily="34" charset="0"/>
              <a:buChar char="◄"/>
              <a:defRPr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72235285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8176658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תמונה 1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0477829" y="3435293"/>
            <a:ext cx="1717359" cy="1714069"/>
          </a:xfrm>
          <a:prstGeom prst="rect">
            <a:avLst/>
          </a:prstGeom>
        </p:spPr>
      </p:pic>
      <p:sp>
        <p:nvSpPr>
          <p:cNvPr id="52" name="צורה חופשית 51"/>
          <p:cNvSpPr/>
          <p:nvPr userDrawn="1"/>
        </p:nvSpPr>
        <p:spPr>
          <a:xfrm rot="16200000">
            <a:off x="1297100" y="-1097748"/>
            <a:ext cx="6518934" cy="8689547"/>
          </a:xfrm>
          <a:custGeom>
            <a:avLst/>
            <a:gdLst>
              <a:gd name="connsiteX0" fmla="*/ 6518934 w 6518934"/>
              <a:gd name="connsiteY0" fmla="*/ 7713706 h 8689546"/>
              <a:gd name="connsiteX1" fmla="*/ 6518934 w 6518934"/>
              <a:gd name="connsiteY1" fmla="*/ 8689546 h 8689546"/>
              <a:gd name="connsiteX2" fmla="*/ 5950426 w 6518934"/>
              <a:gd name="connsiteY2" fmla="*/ 7991442 h 8689546"/>
              <a:gd name="connsiteX3" fmla="*/ 2276232 w 6518934"/>
              <a:gd name="connsiteY3" fmla="*/ 1562187 h 8689546"/>
              <a:gd name="connsiteX4" fmla="*/ 215368 w 6518934"/>
              <a:gd name="connsiteY4" fmla="*/ 5607538 h 8689546"/>
              <a:gd name="connsiteX5" fmla="*/ 0 w 6518934"/>
              <a:gd name="connsiteY5" fmla="*/ 5941564 h 8689546"/>
              <a:gd name="connsiteX6" fmla="*/ 0 w 6518934"/>
              <a:gd name="connsiteY6" fmla="*/ 4712213 h 8689546"/>
              <a:gd name="connsiteX7" fmla="*/ 128232 w 6518934"/>
              <a:gd name="connsiteY7" fmla="*/ 4499811 h 8689546"/>
              <a:gd name="connsiteX8" fmla="*/ 2276232 w 6518934"/>
              <a:gd name="connsiteY8" fmla="*/ 0 h 8689546"/>
              <a:gd name="connsiteX9" fmla="*/ 6181375 w 6518934"/>
              <a:gd name="connsiteY9" fmla="*/ 7265389 h 868954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518934" h="8689546">
                <a:moveTo>
                  <a:pt x="6518934" y="7713706"/>
                </a:moveTo>
                <a:lnTo>
                  <a:pt x="6518934" y="8689546"/>
                </a:lnTo>
                <a:lnTo>
                  <a:pt x="5950426" y="7991442"/>
                </a:lnTo>
                <a:cubicBezTo>
                  <a:pt x="4530454" y="6153135"/>
                  <a:pt x="2978343" y="3504899"/>
                  <a:pt x="2276232" y="1562187"/>
                </a:cubicBezTo>
                <a:cubicBezTo>
                  <a:pt x="1837395" y="2799304"/>
                  <a:pt x="1072799" y="4236807"/>
                  <a:pt x="215368" y="5607538"/>
                </a:cubicBezTo>
                <a:lnTo>
                  <a:pt x="0" y="5941564"/>
                </a:lnTo>
                <a:lnTo>
                  <a:pt x="0" y="4712213"/>
                </a:lnTo>
                <a:lnTo>
                  <a:pt x="128232" y="4499811"/>
                </a:lnTo>
                <a:cubicBezTo>
                  <a:pt x="997775" y="3027798"/>
                  <a:pt x="1741692" y="1506924"/>
                  <a:pt x="2276232" y="0"/>
                </a:cubicBezTo>
                <a:cubicBezTo>
                  <a:pt x="3144844" y="2403387"/>
                  <a:pt x="4566351" y="5064766"/>
                  <a:pt x="6181375" y="7265389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51" name="צורה חופשית 50"/>
          <p:cNvSpPr/>
          <p:nvPr userDrawn="1"/>
        </p:nvSpPr>
        <p:spPr>
          <a:xfrm rot="16200000">
            <a:off x="-123094" y="126153"/>
            <a:ext cx="6518934" cy="6241751"/>
          </a:xfrm>
          <a:custGeom>
            <a:avLst/>
            <a:gdLst>
              <a:gd name="connsiteX0" fmla="*/ 2108081 w 6518934"/>
              <a:gd name="connsiteY0" fmla="*/ 0 h 6241750"/>
              <a:gd name="connsiteX1" fmla="*/ 2096840 w 6518934"/>
              <a:gd name="connsiteY1" fmla="*/ 27322 h 6241750"/>
              <a:gd name="connsiteX2" fmla="*/ 336506 w 6518934"/>
              <a:gd name="connsiteY2" fmla="*/ 3308494 h 6241750"/>
              <a:gd name="connsiteX3" fmla="*/ 0 w 6518934"/>
              <a:gd name="connsiteY3" fmla="*/ 3830399 h 6241750"/>
              <a:gd name="connsiteX4" fmla="*/ 0 w 6518934"/>
              <a:gd name="connsiteY4" fmla="*/ 2613819 h 6241750"/>
              <a:gd name="connsiteX5" fmla="*/ 249370 w 6518934"/>
              <a:gd name="connsiteY5" fmla="*/ 2200767 h 6241750"/>
              <a:gd name="connsiteX6" fmla="*/ 1170191 w 6518934"/>
              <a:gd name="connsiteY6" fmla="*/ 527452 h 6241750"/>
              <a:gd name="connsiteX7" fmla="*/ 1431161 w 6518934"/>
              <a:gd name="connsiteY7" fmla="*/ 0 h 6241750"/>
              <a:gd name="connsiteX8" fmla="*/ 6518934 w 6518934"/>
              <a:gd name="connsiteY8" fmla="*/ 5253777 h 6241750"/>
              <a:gd name="connsiteX9" fmla="*/ 6518934 w 6518934"/>
              <a:gd name="connsiteY9" fmla="*/ 6241750 h 6241750"/>
              <a:gd name="connsiteX10" fmla="*/ 6071564 w 6518934"/>
              <a:gd name="connsiteY10" fmla="*/ 5692398 h 6241750"/>
              <a:gd name="connsiteX11" fmla="*/ 2698587 w 6518934"/>
              <a:gd name="connsiteY11" fmla="*/ 21772 h 6241750"/>
              <a:gd name="connsiteX12" fmla="*/ 2689582 w 6518934"/>
              <a:gd name="connsiteY12" fmla="*/ 0 h 6241750"/>
              <a:gd name="connsiteX13" fmla="*/ 3359382 w 6518934"/>
              <a:gd name="connsiteY13" fmla="*/ 0 h 6241750"/>
              <a:gd name="connsiteX14" fmla="*/ 3624535 w 6518934"/>
              <a:gd name="connsiteY14" fmla="*/ 547695 h 6241750"/>
              <a:gd name="connsiteX15" fmla="*/ 6302513 w 6518934"/>
              <a:gd name="connsiteY15" fmla="*/ 4966345 h 62417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6518934" h="6241750">
                <a:moveTo>
                  <a:pt x="2108081" y="0"/>
                </a:moveTo>
                <a:lnTo>
                  <a:pt x="2096840" y="27322"/>
                </a:lnTo>
                <a:cubicBezTo>
                  <a:pt x="1648981" y="1072590"/>
                  <a:pt x="1022451" y="2211909"/>
                  <a:pt x="336506" y="3308494"/>
                </a:cubicBezTo>
                <a:lnTo>
                  <a:pt x="0" y="3830399"/>
                </a:lnTo>
                <a:lnTo>
                  <a:pt x="0" y="2613819"/>
                </a:lnTo>
                <a:lnTo>
                  <a:pt x="249370" y="2200767"/>
                </a:lnTo>
                <a:cubicBezTo>
                  <a:pt x="575449" y="1648763"/>
                  <a:pt x="883861" y="1089887"/>
                  <a:pt x="1170191" y="527452"/>
                </a:cubicBezTo>
                <a:lnTo>
                  <a:pt x="1431161" y="0"/>
                </a:lnTo>
                <a:close/>
                <a:moveTo>
                  <a:pt x="6518934" y="5253777"/>
                </a:moveTo>
                <a:lnTo>
                  <a:pt x="6518934" y="6241750"/>
                </a:lnTo>
                <a:lnTo>
                  <a:pt x="6071564" y="5692398"/>
                </a:lnTo>
                <a:cubicBezTo>
                  <a:pt x="4829089" y="4083880"/>
                  <a:pt x="3485444" y="1855259"/>
                  <a:pt x="2698587" y="21772"/>
                </a:cubicBezTo>
                <a:lnTo>
                  <a:pt x="2689582" y="0"/>
                </a:lnTo>
                <a:lnTo>
                  <a:pt x="3359382" y="0"/>
                </a:lnTo>
                <a:lnTo>
                  <a:pt x="3624535" y="547695"/>
                </a:lnTo>
                <a:cubicBezTo>
                  <a:pt x="4388076" y="2083398"/>
                  <a:pt x="5308652" y="3612116"/>
                  <a:pt x="6302513" y="4966345"/>
                </a:cubicBezTo>
                <a:close/>
              </a:path>
            </a:pathLst>
          </a:custGeom>
          <a:gradFill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 hasCustomPrompt="1"/>
          </p:nvPr>
        </p:nvSpPr>
        <p:spPr>
          <a:xfrm>
            <a:off x="1929051" y="5188986"/>
            <a:ext cx="8548880" cy="645163"/>
          </a:xfrm>
        </p:spPr>
        <p:txBody>
          <a:bodyPr/>
          <a:lstStyle>
            <a:lvl1pPr marL="0" indent="0" algn="r">
              <a:buNone/>
              <a:defRPr sz="1800" baseline="0"/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he-IL" dirty="0"/>
              <a:t>לחץ כדי לכתוב כותרת משנה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15501" y="5994850"/>
            <a:ext cx="1222751" cy="488819"/>
          </a:xfrm>
        </p:spPr>
        <p:txBody>
          <a:bodyPr/>
          <a:lstStyle>
            <a:lvl1pPr>
              <a:defRPr sz="1050">
                <a:solidFill>
                  <a:schemeClr val="tx1"/>
                </a:solidFill>
              </a:defRPr>
            </a:lvl1pPr>
          </a:lstStyle>
          <a:p>
            <a:r>
              <a:rPr lang="he-IL">
                <a:solidFill>
                  <a:prstClr val="black"/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43" name="כותרת 42"/>
          <p:cNvSpPr>
            <a:spLocks noGrp="1"/>
          </p:cNvSpPr>
          <p:nvPr>
            <p:ph type="title" hasCustomPrompt="1"/>
          </p:nvPr>
        </p:nvSpPr>
        <p:spPr>
          <a:xfrm>
            <a:off x="0" y="3435293"/>
            <a:ext cx="10477931" cy="1714069"/>
          </a:xfrm>
          <a:gradFill flip="none" rotWithShape="1">
            <a:gsLst>
              <a:gs pos="0">
                <a:schemeClr val="tx1"/>
              </a:gs>
              <a:gs pos="12000">
                <a:schemeClr val="tx1">
                  <a:lumMod val="65000"/>
                  <a:lumOff val="35000"/>
                  <a:shade val="67500"/>
                  <a:satMod val="115000"/>
                </a:schemeClr>
              </a:gs>
              <a:gs pos="34000">
                <a:schemeClr val="tx1">
                  <a:lumMod val="50000"/>
                  <a:lumOff val="50000"/>
                </a:schemeClr>
              </a:gs>
            </a:gsLst>
            <a:lin ang="10800000" scaled="1"/>
            <a:tileRect/>
          </a:gradFill>
        </p:spPr>
        <p:txBody>
          <a:bodyPr anchor="ctr">
            <a:noAutofit/>
          </a:bodyPr>
          <a:lstStyle>
            <a:lvl1pPr>
              <a:defRPr sz="4500" baseline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cs typeface="+mj-cs"/>
              </a:defRPr>
            </a:lvl1pPr>
          </a:lstStyle>
          <a:p>
            <a:r>
              <a:rPr lang="he-IL" dirty="0"/>
              <a:t>לחץ כדי לכתוב כותרת ראשית</a:t>
            </a:r>
          </a:p>
        </p:txBody>
      </p:sp>
      <p:pic>
        <p:nvPicPr>
          <p:cNvPr id="44" name="Picture 3" descr="C:\Users\s8108283\Desktop\אגת.png"/>
          <p:cNvPicPr>
            <a:picLocks noChangeAspect="1" noChangeArrowheads="1"/>
          </p:cNvPicPr>
          <p:nvPr userDrawn="1"/>
        </p:nvPicPr>
        <p:blipFill rotWithShape="1">
          <a:blip r:embed="rId3" cstate="print"/>
          <a:srcRect l="7924" t="6549" r="8343" b="8375"/>
          <a:stretch/>
        </p:blipFill>
        <p:spPr bwMode="auto">
          <a:xfrm>
            <a:off x="11297832" y="683040"/>
            <a:ext cx="738387" cy="531980"/>
          </a:xfrm>
          <a:prstGeom prst="ellipse">
            <a:avLst/>
          </a:prstGeom>
          <a:ln>
            <a:noFill/>
          </a:ln>
          <a:effectLst/>
        </p:spPr>
      </p:pic>
      <p:pic>
        <p:nvPicPr>
          <p:cNvPr id="45" name="תמונה 44"/>
          <p:cNvPicPr>
            <a:picLocks noChangeAspect="1"/>
          </p:cNvPicPr>
          <p:nvPr userDrawn="1"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251114" y="99294"/>
            <a:ext cx="831825" cy="541850"/>
          </a:xfrm>
          <a:prstGeom prst="rect">
            <a:avLst/>
          </a:prstGeom>
        </p:spPr>
      </p:pic>
      <p:pic>
        <p:nvPicPr>
          <p:cNvPr id="12" name="תמונה 11"/>
          <p:cNvPicPr>
            <a:picLocks noChangeAspect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47908" y="2937872"/>
            <a:ext cx="612320" cy="457797"/>
          </a:xfrm>
          <a:prstGeom prst="rect">
            <a:avLst/>
          </a:prstGeom>
        </p:spPr>
      </p:pic>
      <p:pic>
        <p:nvPicPr>
          <p:cNvPr id="13" name="תמונה 12"/>
          <p:cNvPicPr>
            <a:picLocks noChangeAspect="1"/>
          </p:cNvPicPr>
          <p:nvPr userDrawn="1"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6171" r="4855" b="12847"/>
          <a:stretch/>
        </p:blipFill>
        <p:spPr>
          <a:xfrm>
            <a:off x="11247085" y="1252629"/>
            <a:ext cx="874347" cy="548191"/>
          </a:xfrm>
          <a:prstGeom prst="rect">
            <a:avLst/>
          </a:prstGeom>
        </p:spPr>
      </p:pic>
      <p:pic>
        <p:nvPicPr>
          <p:cNvPr id="14" name="תמונה 13"/>
          <p:cNvPicPr>
            <a:picLocks noChangeAspect="1"/>
          </p:cNvPicPr>
          <p:nvPr userDrawn="1"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239288" y="2304401"/>
            <a:ext cx="829560" cy="627311"/>
          </a:xfrm>
          <a:prstGeom prst="rect">
            <a:avLst/>
          </a:prstGeom>
        </p:spPr>
      </p:pic>
      <p:grpSp>
        <p:nvGrpSpPr>
          <p:cNvPr id="15" name="קבוצה 14"/>
          <p:cNvGrpSpPr/>
          <p:nvPr userDrawn="1"/>
        </p:nvGrpSpPr>
        <p:grpSpPr>
          <a:xfrm>
            <a:off x="11247086" y="1777591"/>
            <a:ext cx="765172" cy="509330"/>
            <a:chOff x="2910499" y="201178"/>
            <a:chExt cx="562951" cy="519294"/>
          </a:xfrm>
        </p:grpSpPr>
        <p:pic>
          <p:nvPicPr>
            <p:cNvPr id="16" name="תמונה 15"/>
            <p:cNvPicPr>
              <a:picLocks noChangeAspect="1"/>
            </p:cNvPicPr>
            <p:nvPr userDrawn="1"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946397" y="223403"/>
              <a:ext cx="527053" cy="497069"/>
            </a:xfrm>
            <a:prstGeom prst="rect">
              <a:avLst/>
            </a:prstGeom>
          </p:spPr>
        </p:pic>
        <p:sp>
          <p:nvSpPr>
            <p:cNvPr id="17" name="מלבן 16"/>
            <p:cNvSpPr/>
            <p:nvPr userDrawn="1"/>
          </p:nvSpPr>
          <p:spPr>
            <a:xfrm rot="5400000">
              <a:off x="2712499" y="453152"/>
              <a:ext cx="432000" cy="360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sz="1800">
                <a:solidFill>
                  <a:prstClr val="white"/>
                </a:solidFill>
              </a:endParaRPr>
            </a:p>
          </p:txBody>
        </p:sp>
        <p:sp>
          <p:nvSpPr>
            <p:cNvPr id="18" name="מלבן 17"/>
            <p:cNvSpPr/>
            <p:nvPr userDrawn="1"/>
          </p:nvSpPr>
          <p:spPr>
            <a:xfrm>
              <a:off x="2927350" y="201178"/>
              <a:ext cx="527053" cy="360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sz="1800">
                <a:solidFill>
                  <a:prstClr val="white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0127811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theme" Target="../theme/theme2.xml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3.png"/></Relationships>
</file>

<file path=ppt/slideMasters/_rels/slideMaster3.xml.rels><?xml version="1.0" encoding="UTF-8" standalone="yes"?>
<Relationships xmlns="http://schemas.openxmlformats.org/package/2006/relationships"><Relationship Id="rId3" Type="http://schemas.openxmlformats.org/officeDocument/2006/relationships/theme" Target="../theme/theme3.xml"/><Relationship Id="rId2" Type="http://schemas.openxmlformats.org/officeDocument/2006/relationships/slideLayout" Target="../slideLayouts/slideLayout8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6.xml"/><Relationship Id="rId13" Type="http://schemas.openxmlformats.org/officeDocument/2006/relationships/slideLayout" Target="../slideLayouts/slideLayout21.xml"/><Relationship Id="rId18" Type="http://schemas.openxmlformats.org/officeDocument/2006/relationships/image" Target="../media/image7.png"/><Relationship Id="rId3" Type="http://schemas.openxmlformats.org/officeDocument/2006/relationships/slideLayout" Target="../slideLayouts/slideLayout11.xml"/><Relationship Id="rId7" Type="http://schemas.openxmlformats.org/officeDocument/2006/relationships/slideLayout" Target="../slideLayouts/slideLayout15.xml"/><Relationship Id="rId12" Type="http://schemas.openxmlformats.org/officeDocument/2006/relationships/slideLayout" Target="../slideLayouts/slideLayout20.xml"/><Relationship Id="rId17" Type="http://schemas.openxmlformats.org/officeDocument/2006/relationships/image" Target="../media/image6.png"/><Relationship Id="rId2" Type="http://schemas.openxmlformats.org/officeDocument/2006/relationships/slideLayout" Target="../slideLayouts/slideLayout10.xml"/><Relationship Id="rId16" Type="http://schemas.openxmlformats.org/officeDocument/2006/relationships/theme" Target="../theme/theme4.xml"/><Relationship Id="rId20" Type="http://schemas.openxmlformats.org/officeDocument/2006/relationships/image" Target="../media/image9.png"/><Relationship Id="rId1" Type="http://schemas.openxmlformats.org/officeDocument/2006/relationships/slideLayout" Target="../slideLayouts/slideLayout9.xml"/><Relationship Id="rId6" Type="http://schemas.openxmlformats.org/officeDocument/2006/relationships/slideLayout" Target="../slideLayouts/slideLayout14.xml"/><Relationship Id="rId11" Type="http://schemas.openxmlformats.org/officeDocument/2006/relationships/slideLayout" Target="../slideLayouts/slideLayout19.xml"/><Relationship Id="rId5" Type="http://schemas.openxmlformats.org/officeDocument/2006/relationships/slideLayout" Target="../slideLayouts/slideLayout13.xml"/><Relationship Id="rId15" Type="http://schemas.openxmlformats.org/officeDocument/2006/relationships/slideLayout" Target="../slideLayouts/slideLayout23.xml"/><Relationship Id="rId10" Type="http://schemas.openxmlformats.org/officeDocument/2006/relationships/slideLayout" Target="../slideLayouts/slideLayout18.xml"/><Relationship Id="rId19" Type="http://schemas.openxmlformats.org/officeDocument/2006/relationships/image" Target="../media/image8.png"/><Relationship Id="rId4" Type="http://schemas.openxmlformats.org/officeDocument/2006/relationships/slideLayout" Target="../slideLayouts/slideLayout12.xml"/><Relationship Id="rId9" Type="http://schemas.openxmlformats.org/officeDocument/2006/relationships/slideLayout" Target="../slideLayouts/slideLayout17.xml"/><Relationship Id="rId14" Type="http://schemas.openxmlformats.org/officeDocument/2006/relationships/slideLayout" Target="../slideLayouts/slideLayout22.xml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theme" Target="../theme/theme5.xml"/><Relationship Id="rId3" Type="http://schemas.openxmlformats.org/officeDocument/2006/relationships/slideLayout" Target="../slideLayouts/slideLayout26.xml"/><Relationship Id="rId7" Type="http://schemas.openxmlformats.org/officeDocument/2006/relationships/slideLayout" Target="../slideLayouts/slideLayout30.xml"/><Relationship Id="rId2" Type="http://schemas.openxmlformats.org/officeDocument/2006/relationships/slideLayout" Target="../slideLayouts/slideLayout25.xml"/><Relationship Id="rId1" Type="http://schemas.openxmlformats.org/officeDocument/2006/relationships/slideLayout" Target="../slideLayouts/slideLayout24.xml"/><Relationship Id="rId6" Type="http://schemas.openxmlformats.org/officeDocument/2006/relationships/slideLayout" Target="../slideLayouts/slideLayout29.xml"/><Relationship Id="rId5" Type="http://schemas.openxmlformats.org/officeDocument/2006/relationships/slideLayout" Target="../slideLayouts/slideLayout28.xml"/><Relationship Id="rId4" Type="http://schemas.openxmlformats.org/officeDocument/2006/relationships/slideLayout" Target="../slideLayouts/slideLayout27.xml"/></Relationships>
</file>

<file path=ppt/slideMasters/_rels/slideMaster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8.xml"/><Relationship Id="rId3" Type="http://schemas.openxmlformats.org/officeDocument/2006/relationships/slideLayout" Target="../slideLayouts/slideLayout33.xml"/><Relationship Id="rId7" Type="http://schemas.openxmlformats.org/officeDocument/2006/relationships/slideLayout" Target="../slideLayouts/slideLayout37.xml"/><Relationship Id="rId2" Type="http://schemas.openxmlformats.org/officeDocument/2006/relationships/slideLayout" Target="../slideLayouts/slideLayout32.xml"/><Relationship Id="rId1" Type="http://schemas.openxmlformats.org/officeDocument/2006/relationships/slideLayout" Target="../slideLayouts/slideLayout31.xml"/><Relationship Id="rId6" Type="http://schemas.openxmlformats.org/officeDocument/2006/relationships/slideLayout" Target="../slideLayouts/slideLayout36.xml"/><Relationship Id="rId5" Type="http://schemas.openxmlformats.org/officeDocument/2006/relationships/slideLayout" Target="../slideLayouts/slideLayout35.xml"/><Relationship Id="rId4" Type="http://schemas.openxmlformats.org/officeDocument/2006/relationships/slideLayout" Target="../slideLayouts/slideLayout34.xml"/><Relationship Id="rId9" Type="http://schemas.openxmlformats.org/officeDocument/2006/relationships/theme" Target="../theme/theme6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67000">
              <a:schemeClr val="bg1"/>
            </a:gs>
            <a:gs pos="100000">
              <a:schemeClr val="bg2"/>
            </a:gs>
          </a:gsLst>
          <a:path path="circle">
            <a:fillToRect l="100000" b="100000"/>
          </a:path>
          <a:tileRect t="-100000" r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8" name="קבוצה 67"/>
          <p:cNvGrpSpPr/>
          <p:nvPr userDrawn="1"/>
        </p:nvGrpSpPr>
        <p:grpSpPr>
          <a:xfrm>
            <a:off x="0" y="-559473"/>
            <a:ext cx="3962034" cy="7595804"/>
            <a:chOff x="-500002" y="-537702"/>
            <a:chExt cx="3962034" cy="7595804"/>
          </a:xfrm>
        </p:grpSpPr>
        <p:sp>
          <p:nvSpPr>
            <p:cNvPr id="24" name="משושה 23"/>
            <p:cNvSpPr/>
            <p:nvPr userDrawn="1"/>
          </p:nvSpPr>
          <p:spPr>
            <a:xfrm>
              <a:off x="-478566" y="402465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5" name="משושה 24"/>
            <p:cNvSpPr/>
            <p:nvPr userDrawn="1"/>
          </p:nvSpPr>
          <p:spPr>
            <a:xfrm>
              <a:off x="-478566" y="504569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6" name="משושה 25"/>
            <p:cNvSpPr/>
            <p:nvPr userDrawn="1"/>
          </p:nvSpPr>
          <p:spPr>
            <a:xfrm>
              <a:off x="447907" y="452552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7" name="משושה 26"/>
            <p:cNvSpPr/>
            <p:nvPr userDrawn="1"/>
          </p:nvSpPr>
          <p:spPr>
            <a:xfrm>
              <a:off x="447907" y="554656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8" name="משושה 27"/>
            <p:cNvSpPr/>
            <p:nvPr userDrawn="1"/>
          </p:nvSpPr>
          <p:spPr>
            <a:xfrm>
              <a:off x="-478566" y="605708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3" name="משושה 32"/>
            <p:cNvSpPr/>
            <p:nvPr userDrawn="1"/>
          </p:nvSpPr>
          <p:spPr>
            <a:xfrm>
              <a:off x="440540" y="350460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4" name="משושה 33"/>
            <p:cNvSpPr/>
            <p:nvPr userDrawn="1"/>
          </p:nvSpPr>
          <p:spPr>
            <a:xfrm>
              <a:off x="1367012" y="302710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5" name="משושה 34"/>
            <p:cNvSpPr/>
            <p:nvPr userDrawn="1"/>
          </p:nvSpPr>
          <p:spPr>
            <a:xfrm>
              <a:off x="1367012" y="404815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6" name="משושה 35"/>
            <p:cNvSpPr/>
            <p:nvPr userDrawn="1"/>
          </p:nvSpPr>
          <p:spPr>
            <a:xfrm>
              <a:off x="2293485" y="352797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7" name="משושה 36"/>
            <p:cNvSpPr/>
            <p:nvPr userDrawn="1"/>
          </p:nvSpPr>
          <p:spPr>
            <a:xfrm>
              <a:off x="2293485" y="4549016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8" name="משושה 37"/>
            <p:cNvSpPr/>
            <p:nvPr userDrawn="1"/>
          </p:nvSpPr>
          <p:spPr>
            <a:xfrm>
              <a:off x="1367012" y="505953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1" name="משושה 40"/>
            <p:cNvSpPr/>
            <p:nvPr userDrawn="1"/>
          </p:nvSpPr>
          <p:spPr>
            <a:xfrm>
              <a:off x="-478567" y="98735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2" name="משושה 41"/>
            <p:cNvSpPr/>
            <p:nvPr userDrawn="1"/>
          </p:nvSpPr>
          <p:spPr>
            <a:xfrm>
              <a:off x="-478567" y="200839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3" name="משושה 42"/>
            <p:cNvSpPr/>
            <p:nvPr userDrawn="1"/>
          </p:nvSpPr>
          <p:spPr>
            <a:xfrm>
              <a:off x="447906" y="148821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4" name="משושה 43"/>
            <p:cNvSpPr/>
            <p:nvPr userDrawn="1"/>
          </p:nvSpPr>
          <p:spPr>
            <a:xfrm>
              <a:off x="447906" y="250925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5" name="משושה 44"/>
            <p:cNvSpPr/>
            <p:nvPr userDrawn="1"/>
          </p:nvSpPr>
          <p:spPr>
            <a:xfrm>
              <a:off x="-478567" y="301978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5" name="משושה 54"/>
            <p:cNvSpPr/>
            <p:nvPr userDrawn="1"/>
          </p:nvSpPr>
          <p:spPr>
            <a:xfrm>
              <a:off x="447907" y="477498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6" name="משושה 55"/>
            <p:cNvSpPr/>
            <p:nvPr userDrawn="1"/>
          </p:nvSpPr>
          <p:spPr>
            <a:xfrm>
              <a:off x="1374379" y="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7" name="משושה 56"/>
            <p:cNvSpPr/>
            <p:nvPr userDrawn="1"/>
          </p:nvSpPr>
          <p:spPr>
            <a:xfrm>
              <a:off x="1374379" y="102104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8" name="משושה 57"/>
            <p:cNvSpPr/>
            <p:nvPr userDrawn="1"/>
          </p:nvSpPr>
          <p:spPr>
            <a:xfrm>
              <a:off x="2300852" y="50086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9" name="משושה 58"/>
            <p:cNvSpPr/>
            <p:nvPr userDrawn="1"/>
          </p:nvSpPr>
          <p:spPr>
            <a:xfrm>
              <a:off x="2300852" y="152190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0" name="משושה 59"/>
            <p:cNvSpPr/>
            <p:nvPr userDrawn="1"/>
          </p:nvSpPr>
          <p:spPr>
            <a:xfrm>
              <a:off x="1374379" y="203243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6" name="משושה 65"/>
            <p:cNvSpPr/>
            <p:nvPr userDrawn="1"/>
          </p:nvSpPr>
          <p:spPr>
            <a:xfrm>
              <a:off x="426471" y="-53770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7" name="משושה 66"/>
            <p:cNvSpPr/>
            <p:nvPr userDrawn="1"/>
          </p:nvSpPr>
          <p:spPr>
            <a:xfrm>
              <a:off x="-500002" y="-2718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</p:grpSp>
      <p:sp>
        <p:nvSpPr>
          <p:cNvPr id="2" name="מציין מיקום של כותרת 1"/>
          <p:cNvSpPr>
            <a:spLocks noGrp="1"/>
          </p:cNvSpPr>
          <p:nvPr userDrawn="1">
            <p:ph type="title"/>
          </p:nvPr>
        </p:nvSpPr>
        <p:spPr>
          <a:xfrm>
            <a:off x="407987" y="368301"/>
            <a:ext cx="11376025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pPr lvl="0"/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 userDrawn="1">
            <p:ph type="body" idx="1"/>
          </p:nvPr>
        </p:nvSpPr>
        <p:spPr>
          <a:xfrm>
            <a:off x="407987" y="1808164"/>
            <a:ext cx="11376025" cy="4429124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61" name="מלבן 60"/>
          <p:cNvSpPr/>
          <p:nvPr userDrawn="1"/>
        </p:nvSpPr>
        <p:spPr>
          <a:xfrm>
            <a:off x="0" y="6604856"/>
            <a:ext cx="12192000" cy="273044"/>
          </a:xfrm>
          <a:prstGeom prst="rect">
            <a:avLst/>
          </a:prstGeom>
          <a:solidFill>
            <a:sysClr val="window" lastClr="FFFFFF">
              <a:lumMod val="50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 userDrawn="1"/>
        </p:nvSpPr>
        <p:spPr>
          <a:xfrm>
            <a:off x="5054392" y="6565260"/>
            <a:ext cx="2083216" cy="352237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sp3d/>
        </p:spPr>
        <p:txBody>
          <a:bodyPr rot="0" spcFirstLastPara="1" vertOverflow="overflow" horzOverflow="overflow" vert="horz" wrap="square" lIns="67735" tIns="67735" rIns="67735" bIns="67735" numCol="1" spcCol="38100" rtlCol="1" anchor="ctr">
            <a:spAutoFit/>
          </a:bodyPr>
          <a:lstStyle/>
          <a:p>
            <a:pPr marL="0" marR="0" lvl="0" indent="0" algn="ctr" defTabSz="778972" rtl="0" eaLnBrk="1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- </a:t>
            </a:r>
            <a:r>
              <a:rPr kumimoji="0" lang="en-US" sz="140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FOUO</a:t>
            </a:r>
            <a:r>
              <a:rPr kumimoji="0" lang="he-IL" sz="140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 -</a:t>
            </a:r>
            <a:endParaRPr kumimoji="0" lang="he-IL" sz="14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Segoe UI Semilight" panose="020B0402040204020203" pitchFamily="34" charset="0"/>
              <a:cs typeface="Segoe UI Semilight" panose="020B0402040204020203" pitchFamily="34" charset="0"/>
              <a:sym typeface="Helvetica Light"/>
            </a:endParaRPr>
          </a:p>
        </p:txBody>
      </p:sp>
      <p:sp>
        <p:nvSpPr>
          <p:cNvPr id="63" name="Shape 4"/>
          <p:cNvSpPr txBox="1">
            <a:spLocks/>
          </p:cNvSpPr>
          <p:nvPr userDrawn="1"/>
        </p:nvSpPr>
        <p:spPr>
          <a:xfrm>
            <a:off x="11587318" y="6565260"/>
            <a:ext cx="356405" cy="352237"/>
          </a:xfrm>
          <a:prstGeom prst="rect">
            <a:avLst/>
          </a:prstGeom>
          <a:ln w="12700">
            <a:miter lim="400000"/>
          </a:ln>
        </p:spPr>
        <p:txBody>
          <a:bodyPr wrap="none" lIns="67735" tIns="67735" rIns="67735" bIns="67735">
            <a:spAutoFit/>
          </a:bodyPr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1pPr>
            <a:lvl2pPr marL="0" marR="0" indent="228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2pPr>
            <a:lvl3pPr marL="0" marR="0" indent="457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3pPr>
            <a:lvl4pPr marL="0" marR="0" indent="685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4pPr>
            <a:lvl5pPr marL="0" marR="0" indent="9144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5pPr>
            <a:lvl6pPr marL="0" marR="0" indent="11430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6pPr>
            <a:lvl7pPr marL="0" marR="0" indent="1371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7pPr>
            <a:lvl8pPr marL="0" marR="0" indent="1600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8pPr>
            <a:lvl9pPr marL="0" marR="0" indent="1828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9pPr>
          </a:lstStyle>
          <a:p>
            <a:fld id="{1BA681D8-F5FD-419E-AD7B-C148849CCE68}" type="slidenum">
              <a:rPr lang="he-IL" sz="1400" smtClean="0">
                <a:solidFill>
                  <a:prstClr val="white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pPr/>
              <a:t>‹#›</a:t>
            </a:fld>
            <a:endParaRPr lang="he-IL" sz="140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3498512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8" r:id="rId1"/>
    <p:sldLayoutId id="2147483733" r:id="rId2"/>
    <p:sldLayoutId id="2147483734" r:id="rId3"/>
    <p:sldLayoutId id="2147483720" r:id="rId4"/>
    <p:sldLayoutId id="2147483732" r:id="rId5"/>
  </p:sldLayoutIdLst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lang="he-IL" sz="4000" kern="1200" dirty="0" smtClean="0">
          <a:solidFill>
            <a:schemeClr val="tx2"/>
          </a:solidFill>
          <a:effectLst>
            <a:outerShdw blurRad="50800" dist="38100" dir="2700000" algn="tl" rotWithShape="0">
              <a:schemeClr val="tx2">
                <a:alpha val="40000"/>
              </a:schemeClr>
            </a:outerShdw>
          </a:effectLst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pos="257" userDrawn="1">
          <p15:clr>
            <a:srgbClr val="F26B43"/>
          </p15:clr>
        </p15:guide>
        <p15:guide id="2" pos="7423" userDrawn="1">
          <p15:clr>
            <a:srgbClr val="F26B43"/>
          </p15:clr>
        </p15:guide>
        <p15:guide id="3" orient="horz" pos="731" userDrawn="1">
          <p15:clr>
            <a:srgbClr val="F26B43"/>
          </p15:clr>
        </p15:guide>
        <p15:guide id="4" orient="horz" pos="232" userDrawn="1">
          <p15:clr>
            <a:srgbClr val="F26B43"/>
          </p15:clr>
        </p15:guide>
        <p15:guide id="5" orient="horz" pos="1139" userDrawn="1">
          <p15:clr>
            <a:srgbClr val="F26B43"/>
          </p15:clr>
        </p15:guide>
        <p15:guide id="6" orient="horz" pos="3929" userDrawn="1">
          <p15:clr>
            <a:srgbClr val="F26B43"/>
          </p15:clr>
        </p15:guide>
      </p15:sldGuideLst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0">
              <a:schemeClr val="bg1">
                <a:lumMod val="85000"/>
              </a:schemeClr>
            </a:gs>
            <a:gs pos="92000">
              <a:schemeClr val="tx1">
                <a:lumMod val="75000"/>
                <a:lumOff val="25000"/>
                <a:alpha val="60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8610600" y="6356351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44FFAF2-5043-4E6A-B427-738A1376D505}" type="datetime8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28 נובמבר 19</a:t>
            </a:fld>
            <a:endParaRPr lang="he-IL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4038600" y="6356351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he-IL" dirty="0">
                <a:solidFill>
                  <a:prstClr val="black">
                    <a:tint val="75000"/>
                  </a:prstClr>
                </a:solidFill>
              </a:rPr>
              <a:t>--סודי-</a:t>
            </a:r>
          </a:p>
        </p:txBody>
      </p:sp>
      <p:sp>
        <p:nvSpPr>
          <p:cNvPr id="7" name="מלבן 6"/>
          <p:cNvSpPr/>
          <p:nvPr/>
        </p:nvSpPr>
        <p:spPr>
          <a:xfrm>
            <a:off x="1" y="5985165"/>
            <a:ext cx="937071" cy="392965"/>
          </a:xfrm>
          <a:prstGeom prst="rect">
            <a:avLst/>
          </a:prstGeom>
          <a:solidFill>
            <a:schemeClr val="accent1">
              <a:lumMod val="75000"/>
              <a:alpha val="74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-1" y="6543673"/>
            <a:ext cx="1430799" cy="93845"/>
          </a:xfrm>
          <a:prstGeom prst="rect">
            <a:avLst/>
          </a:prstGeom>
          <a:solidFill>
            <a:schemeClr val="accent1">
              <a:lumMod val="75000"/>
              <a:alpha val="23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11265006" y="6024510"/>
            <a:ext cx="956593" cy="166739"/>
          </a:xfrm>
          <a:prstGeom prst="rect">
            <a:avLst/>
          </a:prstGeom>
          <a:solidFill>
            <a:schemeClr val="accent1">
              <a:lumMod val="50000"/>
              <a:alpha val="26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1894295" y="761436"/>
            <a:ext cx="9284983" cy="65652"/>
          </a:xfrm>
          <a:prstGeom prst="rect">
            <a:avLst/>
          </a:prstGeom>
          <a:solidFill>
            <a:schemeClr val="accent1">
              <a:lumMod val="75000"/>
              <a:alpha val="4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2" name="מלבן 11"/>
          <p:cNvSpPr/>
          <p:nvPr/>
        </p:nvSpPr>
        <p:spPr>
          <a:xfrm>
            <a:off x="10653" y="481484"/>
            <a:ext cx="1430799" cy="60614"/>
          </a:xfrm>
          <a:prstGeom prst="rect">
            <a:avLst/>
          </a:prstGeom>
          <a:solidFill>
            <a:schemeClr val="accent1">
              <a:lumMod val="50000"/>
              <a:alpha val="6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3" name="מלבן 12"/>
          <p:cNvSpPr/>
          <p:nvPr/>
        </p:nvSpPr>
        <p:spPr>
          <a:xfrm>
            <a:off x="10654" y="595785"/>
            <a:ext cx="787401" cy="111857"/>
          </a:xfrm>
          <a:prstGeom prst="rect">
            <a:avLst/>
          </a:prstGeom>
          <a:solidFill>
            <a:schemeClr val="accent1">
              <a:lumMod val="60000"/>
              <a:lumOff val="40000"/>
              <a:alpha val="43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pic>
        <p:nvPicPr>
          <p:cNvPr id="15" name="תמונה 14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5277" y="286430"/>
            <a:ext cx="1054457" cy="695550"/>
          </a:xfrm>
          <a:prstGeom prst="rect">
            <a:avLst/>
          </a:prstGeom>
        </p:spPr>
      </p:pic>
      <p:cxnSp>
        <p:nvCxnSpPr>
          <p:cNvPr id="16" name="מחבר ישר 15"/>
          <p:cNvCxnSpPr/>
          <p:nvPr/>
        </p:nvCxnSpPr>
        <p:spPr>
          <a:xfrm flipH="1">
            <a:off x="1891893" y="827088"/>
            <a:ext cx="9152028" cy="0"/>
          </a:xfrm>
          <a:prstGeom prst="line">
            <a:avLst/>
          </a:prstGeom>
          <a:ln>
            <a:solidFill>
              <a:schemeClr val="bg1">
                <a:lumMod val="8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" name="תמונה 1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828850" y="296142"/>
            <a:ext cx="914452" cy="685839"/>
          </a:xfrm>
          <a:prstGeom prst="rect">
            <a:avLst/>
          </a:prstGeom>
        </p:spPr>
      </p:pic>
      <p:sp>
        <p:nvSpPr>
          <p:cNvPr id="14" name="Slide Number Placeholder 4"/>
          <p:cNvSpPr>
            <a:spLocks noGrp="1"/>
          </p:cNvSpPr>
          <p:nvPr>
            <p:ph type="sldNum" sz="quarter" idx="4"/>
          </p:nvPr>
        </p:nvSpPr>
        <p:spPr>
          <a:xfrm>
            <a:off x="25401" y="6038849"/>
            <a:ext cx="762000" cy="266700"/>
          </a:xfrm>
          <a:prstGeom prst="rect">
            <a:avLst/>
          </a:prstGeom>
        </p:spPr>
        <p:txBody>
          <a:bodyPr/>
          <a:lstStyle/>
          <a:p>
            <a:fld id="{3F7E079E-4C5E-48CC-9F54-B755894FC431}" type="slidenum">
              <a:rPr lang="he-IL" smtClean="0">
                <a:solidFill>
                  <a:prstClr val="black">
                    <a:lumMod val="65000"/>
                    <a:lumOff val="35000"/>
                  </a:prstClr>
                </a:solidFill>
              </a:rPr>
              <a:pPr/>
              <a:t>‹#›</a:t>
            </a:fld>
            <a:endParaRPr lang="he-IL" dirty="0">
              <a:solidFill>
                <a:prstClr val="black">
                  <a:lumMod val="65000"/>
                  <a:lumOff val="3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5594285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48" r:id="rId1"/>
  </p:sldLayoutIdLst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>
            <a:lumMod val="85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7"/>
          <p:cNvSpPr>
            <a:spLocks noGrp="1" noChangeArrowheads="1"/>
          </p:cNvSpPr>
          <p:nvPr>
            <p:ph type="title"/>
          </p:nvPr>
        </p:nvSpPr>
        <p:spPr bwMode="auto">
          <a:xfrm>
            <a:off x="609600" y="274638"/>
            <a:ext cx="109728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he-IL"/>
              <a:t>לחץ כדי לערוך סגנון כותרת של תבנית בסיס</a:t>
            </a:r>
          </a:p>
        </p:txBody>
      </p:sp>
      <p:sp>
        <p:nvSpPr>
          <p:cNvPr id="1027" name="Rectangle 8"/>
          <p:cNvSpPr>
            <a:spLocks noGrp="1" noChangeArrowheads="1"/>
          </p:cNvSpPr>
          <p:nvPr>
            <p:ph type="body" idx="1"/>
          </p:nvPr>
        </p:nvSpPr>
        <p:spPr bwMode="auto">
          <a:xfrm>
            <a:off x="423340" y="1600206"/>
            <a:ext cx="11343217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1034" name="Base" hidden="1"/>
          <p:cNvSpPr>
            <a:spLocks noChangeArrowheads="1"/>
          </p:cNvSpPr>
          <p:nvPr/>
        </p:nvSpPr>
        <p:spPr bwMode="auto">
          <a:xfrm>
            <a:off x="2032000" y="1397000"/>
            <a:ext cx="8128000" cy="406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 defTabSz="685800">
              <a:defRPr/>
            </a:pPr>
            <a:endParaRPr lang="he-IL" sz="1350" dirty="0">
              <a:solidFill>
                <a:srgbClr val="000000"/>
              </a:solidFill>
            </a:endParaRPr>
          </a:p>
        </p:txBody>
      </p:sp>
      <p:sp>
        <p:nvSpPr>
          <p:cNvPr id="6" name="Text Box 9"/>
          <p:cNvSpPr txBox="1">
            <a:spLocks noChangeArrowheads="1"/>
          </p:cNvSpPr>
          <p:nvPr userDrawn="1"/>
        </p:nvSpPr>
        <p:spPr bwMode="auto">
          <a:xfrm>
            <a:off x="5490634" y="6429376"/>
            <a:ext cx="885179" cy="461665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algn="l" rtl="0" eaLnBrk="1" hangingPunct="1">
              <a:defRPr/>
            </a:pPr>
            <a:r>
              <a:rPr lang="he-IL" sz="2400" b="1" dirty="0">
                <a:solidFill>
                  <a:srgbClr val="808080"/>
                </a:solidFill>
                <a:cs typeface="Guttman Hatzvi" pitchFamily="2" charset="-79"/>
              </a:rPr>
              <a:t>-</a:t>
            </a:r>
            <a:fld id="{94B39762-4C2E-4CB2-AD6F-4E516A4933B6}" type="slidenum">
              <a:rPr lang="he-IL" sz="2400" b="1" smtClean="0">
                <a:solidFill>
                  <a:srgbClr val="808080"/>
                </a:solidFill>
                <a:cs typeface="Guttman Hatzvi" pitchFamily="2" charset="-79"/>
              </a:rPr>
              <a:pPr algn="l" rtl="0" eaLnBrk="1" hangingPunct="1">
                <a:defRPr/>
              </a:pPr>
              <a:t>‹#›</a:t>
            </a:fld>
            <a:r>
              <a:rPr lang="he-IL" sz="2400" b="1" dirty="0">
                <a:solidFill>
                  <a:srgbClr val="808080"/>
                </a:solidFill>
                <a:cs typeface="Guttman Hatzvi" pitchFamily="2" charset="-79"/>
              </a:rPr>
              <a:t>-</a:t>
            </a:r>
            <a:endParaRPr lang="en-US" sz="2400" b="1" dirty="0">
              <a:solidFill>
                <a:srgbClr val="808080"/>
              </a:solidFill>
              <a:cs typeface="Guttman Hatzvi" pitchFamily="2" charset="-79"/>
            </a:endParaRPr>
          </a:p>
        </p:txBody>
      </p:sp>
      <p:sp>
        <p:nvSpPr>
          <p:cNvPr id="7" name="Text Box 11"/>
          <p:cNvSpPr txBox="1">
            <a:spLocks noChangeArrowheads="1"/>
          </p:cNvSpPr>
          <p:nvPr userDrawn="1"/>
        </p:nvSpPr>
        <p:spPr bwMode="auto">
          <a:xfrm>
            <a:off x="10289882" y="6429376"/>
            <a:ext cx="1912703" cy="461665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hangingPunct="1">
              <a:defRPr/>
            </a:pPr>
            <a:r>
              <a:rPr lang="he-IL" sz="2400" b="1" dirty="0">
                <a:solidFill>
                  <a:srgbClr val="808080"/>
                </a:solidFill>
                <a:cs typeface="Guttman Hatzvi" pitchFamily="2" charset="-79"/>
              </a:rPr>
              <a:t>אמ"ן - </a:t>
            </a:r>
            <a:r>
              <a:rPr lang="he-IL" sz="2400" b="1" dirty="0" err="1">
                <a:solidFill>
                  <a:srgbClr val="808080"/>
                </a:solidFill>
                <a:cs typeface="Guttman Hatzvi" pitchFamily="2" charset="-79"/>
              </a:rPr>
              <a:t>חט"מ</a:t>
            </a:r>
            <a:endParaRPr lang="en-US" sz="2400" b="1" dirty="0">
              <a:solidFill>
                <a:srgbClr val="808080"/>
              </a:solidFill>
              <a:cs typeface="Guttman Hatzvi" pitchFamily="2" charset="-79"/>
            </a:endParaRPr>
          </a:p>
        </p:txBody>
      </p:sp>
      <p:pic>
        <p:nvPicPr>
          <p:cNvPr id="8" name="תמונה 13" descr="סמל חיל מודיעין2"/>
          <p:cNvPicPr>
            <a:picLocks noChangeAspect="1" noChangeArrowheads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29667" y="6489701"/>
            <a:ext cx="455084" cy="341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תמונה 14" descr="Icon"/>
          <p:cNvPicPr>
            <a:picLocks noChangeAspect="1" noChangeArrowheads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96267" y="6489701"/>
            <a:ext cx="397933" cy="341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Text Box 11"/>
          <p:cNvSpPr txBox="1">
            <a:spLocks noChangeArrowheads="1"/>
          </p:cNvSpPr>
          <p:nvPr userDrawn="1"/>
        </p:nvSpPr>
        <p:spPr bwMode="auto">
          <a:xfrm>
            <a:off x="585752" y="6434536"/>
            <a:ext cx="1661032" cy="461665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hangingPunct="1">
              <a:defRPr/>
            </a:pPr>
            <a:r>
              <a:rPr lang="he-IL" sz="2400" b="1" dirty="0">
                <a:solidFill>
                  <a:srgbClr val="808080"/>
                </a:solidFill>
                <a:cs typeface="Guttman Hatzvi" pitchFamily="2" charset="-79"/>
              </a:rPr>
              <a:t>סודי ביותר</a:t>
            </a:r>
            <a:endParaRPr lang="en-US" sz="2400" b="1" dirty="0">
              <a:solidFill>
                <a:srgbClr val="808080"/>
              </a:solidFill>
              <a:cs typeface="Guttman Hatzvi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70407296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94" r:id="rId1"/>
    <p:sldLayoutId id="2147483799" r:id="rId2"/>
  </p:sldLayoutIdLst>
  <p:txStyles>
    <p:titleStyle>
      <a:lvl1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5pPr>
      <a:lvl6pPr marL="3429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6pPr>
      <a:lvl7pPr marL="6858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7pPr>
      <a:lvl8pPr marL="10287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8pPr>
      <a:lvl9pPr marL="13716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9pPr>
    </p:titleStyle>
    <p:bodyStyle>
      <a:lvl1pPr marL="257175" indent="-257175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•"/>
        <a:defRPr sz="1800" b="1">
          <a:solidFill>
            <a:schemeClr val="tx1"/>
          </a:solidFill>
          <a:latin typeface="+mn-lt"/>
          <a:ea typeface="+mn-ea"/>
          <a:cs typeface="+mn-cs"/>
        </a:defRPr>
      </a:lvl1pPr>
      <a:lvl2pPr marL="557213" indent="-214313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–"/>
        <a:defRPr sz="1800" b="1">
          <a:solidFill>
            <a:schemeClr val="tx1"/>
          </a:solidFill>
          <a:latin typeface="+mn-lt"/>
          <a:cs typeface="+mn-cs"/>
        </a:defRPr>
      </a:lvl2pPr>
      <a:lvl3pPr marL="857250" indent="-171450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•"/>
        <a:defRPr sz="1800" b="1">
          <a:solidFill>
            <a:schemeClr val="tx1"/>
          </a:solidFill>
          <a:latin typeface="+mn-lt"/>
          <a:cs typeface="+mn-cs"/>
        </a:defRPr>
      </a:lvl3pPr>
      <a:lvl4pPr marL="1200150" indent="-171450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–"/>
        <a:defRPr sz="1800" b="1">
          <a:solidFill>
            <a:schemeClr val="tx1"/>
          </a:solidFill>
          <a:latin typeface="+mn-lt"/>
          <a:cs typeface="+mn-cs"/>
        </a:defRPr>
      </a:lvl4pPr>
      <a:lvl5pPr marL="1543050" indent="-171450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5pPr>
      <a:lvl6pPr marL="18859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6pPr>
      <a:lvl7pPr marL="22288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7pPr>
      <a:lvl8pPr marL="25717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8pPr>
      <a:lvl9pPr marL="29146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he-IL"/>
      </a:defPPr>
      <a:lvl1pPr marL="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מלבן 6"/>
          <p:cNvSpPr/>
          <p:nvPr userDrawn="1"/>
        </p:nvSpPr>
        <p:spPr>
          <a:xfrm>
            <a:off x="0" y="6647320"/>
            <a:ext cx="12192000" cy="210680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350">
              <a:solidFill>
                <a:prstClr val="white"/>
              </a:solidFill>
            </a:endParaRPr>
          </a:p>
        </p:txBody>
      </p:sp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838200" y="365127"/>
            <a:ext cx="10515600" cy="1325563"/>
          </a:xfrm>
          <a:prstGeom prst="rect">
            <a:avLst/>
          </a:prstGeom>
          <a:effectLst/>
        </p:spPr>
        <p:txBody>
          <a:bodyPr vert="horz" lIns="91440" tIns="45720" rIns="91440" bIns="45720" rtlCol="1" anchor="t">
            <a:normAutofit/>
          </a:bodyPr>
          <a:lstStyle/>
          <a:p>
            <a:pPr lvl="0"/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8183051" y="6605418"/>
            <a:ext cx="1060171" cy="325962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4749232" y="6605420"/>
            <a:ext cx="2762195" cy="325961"/>
          </a:xfrm>
          <a:prstGeom prst="rect">
            <a:avLst/>
          </a:prstGeom>
          <a:ln>
            <a:noFill/>
          </a:ln>
        </p:spPr>
        <p:txBody>
          <a:bodyPr vert="horz" lIns="91440" tIns="45720" rIns="91440" bIns="45720" rtlCol="1" anchor="ctr"/>
          <a:lstStyle>
            <a:lvl1pPr algn="ctr">
              <a:defRPr sz="1050">
                <a:solidFill>
                  <a:schemeClr val="bg1">
                    <a:lumMod val="75000"/>
                  </a:schemeClr>
                </a:solidFill>
              </a:defRPr>
            </a:lvl1pPr>
          </a:lstStyle>
          <a:p>
            <a:r>
              <a:rPr lang="he-IL" dirty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1" y="6605420"/>
            <a:ext cx="452843" cy="325961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050">
                <a:solidFill>
                  <a:schemeClr val="bg1">
                    <a:lumMod val="75000"/>
                  </a:schemeClr>
                </a:solidFill>
              </a:defRPr>
            </a:lvl1pPr>
          </a:lstStyle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9" name="קבוצה 8"/>
          <p:cNvGrpSpPr/>
          <p:nvPr userDrawn="1"/>
        </p:nvGrpSpPr>
        <p:grpSpPr>
          <a:xfrm>
            <a:off x="431371" y="6647320"/>
            <a:ext cx="488487" cy="210680"/>
            <a:chOff x="5122440" y="1880671"/>
            <a:chExt cx="2379886" cy="1235641"/>
          </a:xfrm>
        </p:grpSpPr>
        <p:grpSp>
          <p:nvGrpSpPr>
            <p:cNvPr id="10" name="קבוצה 9"/>
            <p:cNvGrpSpPr/>
            <p:nvPr/>
          </p:nvGrpSpPr>
          <p:grpSpPr>
            <a:xfrm>
              <a:off x="5122440" y="1880671"/>
              <a:ext cx="1076405" cy="1230058"/>
              <a:chOff x="6922999" y="3616920"/>
              <a:chExt cx="1005132" cy="1148611"/>
            </a:xfrm>
          </p:grpSpPr>
          <p:sp>
            <p:nvSpPr>
              <p:cNvPr id="17" name="צורה חופשית 16"/>
              <p:cNvSpPr/>
              <p:nvPr/>
            </p:nvSpPr>
            <p:spPr>
              <a:xfrm rot="16200000">
                <a:off x="6843785" y="3696134"/>
                <a:ext cx="1148611" cy="990183"/>
              </a:xfrm>
              <a:custGeom>
                <a:avLst/>
                <a:gdLst>
                  <a:gd name="connsiteX0" fmla="*/ 638821 w 1148611"/>
                  <a:gd name="connsiteY0" fmla="*/ 160787 h 990182"/>
                  <a:gd name="connsiteX1" fmla="*/ 637033 w 1148611"/>
                  <a:gd name="connsiteY1" fmla="*/ 161715 h 990182"/>
                  <a:gd name="connsiteX2" fmla="*/ 627851 w 1148611"/>
                  <a:gd name="connsiteY2" fmla="*/ 136117 h 990182"/>
                  <a:gd name="connsiteX3" fmla="*/ 1148611 w 1148611"/>
                  <a:gd name="connsiteY3" fmla="*/ 990182 h 990182"/>
                  <a:gd name="connsiteX4" fmla="*/ 0 w 1148611"/>
                  <a:gd name="connsiteY4" fmla="*/ 990182 h 990182"/>
                  <a:gd name="connsiteX5" fmla="*/ 574306 w 1148611"/>
                  <a:gd name="connsiteY5" fmla="*/ 0 h 990182"/>
                  <a:gd name="connsiteX6" fmla="*/ 604060 w 1148611"/>
                  <a:gd name="connsiteY6" fmla="*/ 76273 h 990182"/>
                  <a:gd name="connsiteX7" fmla="*/ 566470 w 1148611"/>
                  <a:gd name="connsiteY7" fmla="*/ 174459 h 990182"/>
                  <a:gd name="connsiteX8" fmla="*/ 143241 w 1148611"/>
                  <a:gd name="connsiteY8" fmla="*/ 925889 h 990182"/>
                  <a:gd name="connsiteX9" fmla="*/ 1005371 w 1148611"/>
                  <a:gd name="connsiteY9" fmla="*/ 925889 h 990182"/>
                  <a:gd name="connsiteX10" fmla="*/ 880993 w 1148611"/>
                  <a:gd name="connsiteY10" fmla="*/ 741738 h 990182"/>
                  <a:gd name="connsiteX11" fmla="*/ 868609 w 1148611"/>
                  <a:gd name="connsiteY11" fmla="*/ 717594 h 990182"/>
                  <a:gd name="connsiteX12" fmla="*/ 925846 w 1148611"/>
                  <a:gd name="connsiteY12" fmla="*/ 687893 h 990182"/>
                  <a:gd name="connsiteX13" fmla="*/ 976459 w 1148611"/>
                  <a:gd name="connsiteY13" fmla="*/ 767641 h 990182"/>
                  <a:gd name="connsiteX14" fmla="*/ 1148611 w 1148611"/>
                  <a:gd name="connsiteY14" fmla="*/ 990182 h 99018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</a:cxnLst>
                <a:rect l="l" t="t" r="r" b="b"/>
                <a:pathLst>
                  <a:path w="1148611" h="990182">
                    <a:moveTo>
                      <a:pt x="638821" y="160787"/>
                    </a:moveTo>
                    <a:lnTo>
                      <a:pt x="637033" y="161715"/>
                    </a:lnTo>
                    <a:lnTo>
                      <a:pt x="627851" y="136117"/>
                    </a:lnTo>
                    <a:close/>
                    <a:moveTo>
                      <a:pt x="1148611" y="990182"/>
                    </a:moveTo>
                    <a:lnTo>
                      <a:pt x="0" y="990182"/>
                    </a:lnTo>
                    <a:cubicBezTo>
                      <a:pt x="235884" y="691874"/>
                      <a:pt x="452720" y="342764"/>
                      <a:pt x="574306" y="0"/>
                    </a:cubicBezTo>
                    <a:lnTo>
                      <a:pt x="604060" y="76273"/>
                    </a:lnTo>
                    <a:lnTo>
                      <a:pt x="566470" y="174459"/>
                    </a:lnTo>
                    <a:cubicBezTo>
                      <a:pt x="465835" y="420995"/>
                      <a:pt x="298160" y="729971"/>
                      <a:pt x="143241" y="925889"/>
                    </a:cubicBezTo>
                    <a:lnTo>
                      <a:pt x="1005371" y="925889"/>
                    </a:lnTo>
                    <a:cubicBezTo>
                      <a:pt x="961108" y="874679"/>
                      <a:pt x="919673" y="811558"/>
                      <a:pt x="880993" y="741738"/>
                    </a:cubicBezTo>
                    <a:lnTo>
                      <a:pt x="868609" y="717594"/>
                    </a:lnTo>
                    <a:lnTo>
                      <a:pt x="925846" y="687893"/>
                    </a:lnTo>
                    <a:lnTo>
                      <a:pt x="976459" y="767641"/>
                    </a:lnTo>
                    <a:cubicBezTo>
                      <a:pt x="1031859" y="846981"/>
                      <a:pt x="1089640" y="921955"/>
                      <a:pt x="1148611" y="990182"/>
                    </a:cubicBezTo>
                    <a:close/>
                  </a:path>
                </a:pathLst>
              </a:custGeom>
              <a:solidFill>
                <a:srgbClr val="8DA533"/>
              </a:solidFill>
              <a:ln w="762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  <p:sp>
            <p:nvSpPr>
              <p:cNvPr id="18" name="מלבן 17"/>
              <p:cNvSpPr/>
              <p:nvPr/>
            </p:nvSpPr>
            <p:spPr>
              <a:xfrm>
                <a:off x="7836056" y="4079081"/>
                <a:ext cx="92075" cy="234714"/>
              </a:xfrm>
              <a:prstGeom prst="rect">
                <a:avLst/>
              </a:prstGeom>
              <a:solidFill>
                <a:sysClr val="windowText" lastClr="000000"/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 rtl="0">
                  <a:defRPr/>
                </a:pPr>
                <a:endParaRPr lang="he-IL" sz="1350" kern="0" dirty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</p:grpSp>
        <p:grpSp>
          <p:nvGrpSpPr>
            <p:cNvPr id="11" name="קבוצה 10"/>
            <p:cNvGrpSpPr/>
            <p:nvPr/>
          </p:nvGrpSpPr>
          <p:grpSpPr>
            <a:xfrm>
              <a:off x="5782185" y="1880672"/>
              <a:ext cx="1068125" cy="1230058"/>
              <a:chOff x="7539060" y="3616921"/>
              <a:chExt cx="997400" cy="1148611"/>
            </a:xfrm>
          </p:grpSpPr>
          <p:sp>
            <p:nvSpPr>
              <p:cNvPr id="15" name="צורה חופשית 14"/>
              <p:cNvSpPr/>
              <p:nvPr/>
            </p:nvSpPr>
            <p:spPr>
              <a:xfrm rot="16200000">
                <a:off x="7459845" y="3696136"/>
                <a:ext cx="1148611" cy="990182"/>
              </a:xfrm>
              <a:custGeom>
                <a:avLst/>
                <a:gdLst>
                  <a:gd name="connsiteX0" fmla="*/ 1005371 w 1148611"/>
                  <a:gd name="connsiteY0" fmla="*/ 925889 h 990182"/>
                  <a:gd name="connsiteX1" fmla="*/ 574306 w 1148611"/>
                  <a:gd name="connsiteY1" fmla="*/ 182673 h 990182"/>
                  <a:gd name="connsiteX2" fmla="*/ 143241 w 1148611"/>
                  <a:gd name="connsiteY2" fmla="*/ 925889 h 990182"/>
                  <a:gd name="connsiteX3" fmla="*/ 1148611 w 1148611"/>
                  <a:gd name="connsiteY3" fmla="*/ 990182 h 990182"/>
                  <a:gd name="connsiteX4" fmla="*/ 0 w 1148611"/>
                  <a:gd name="connsiteY4" fmla="*/ 990182 h 990182"/>
                  <a:gd name="connsiteX5" fmla="*/ 574306 w 1148611"/>
                  <a:gd name="connsiteY5" fmla="*/ 0 h 990182"/>
                  <a:gd name="connsiteX6" fmla="*/ 1148611 w 1148611"/>
                  <a:gd name="connsiteY6" fmla="*/ 990182 h 99018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</a:cxnLst>
                <a:rect l="l" t="t" r="r" b="b"/>
                <a:pathLst>
                  <a:path w="1148611" h="990182">
                    <a:moveTo>
                      <a:pt x="1005371" y="925889"/>
                    </a:moveTo>
                    <a:cubicBezTo>
                      <a:pt x="828318" y="721048"/>
                      <a:pt x="665565" y="435180"/>
                      <a:pt x="574306" y="182673"/>
                    </a:cubicBezTo>
                    <a:cubicBezTo>
                      <a:pt x="483045" y="439946"/>
                      <a:pt x="320292" y="701983"/>
                      <a:pt x="143241" y="925889"/>
                    </a:cubicBezTo>
                    <a:close/>
                    <a:moveTo>
                      <a:pt x="1148611" y="990182"/>
                    </a:moveTo>
                    <a:lnTo>
                      <a:pt x="0" y="990182"/>
                    </a:lnTo>
                    <a:cubicBezTo>
                      <a:pt x="235884" y="691874"/>
                      <a:pt x="452720" y="342764"/>
                      <a:pt x="574306" y="0"/>
                    </a:cubicBezTo>
                    <a:cubicBezTo>
                      <a:pt x="695890" y="336414"/>
                      <a:pt x="912725" y="717274"/>
                      <a:pt x="1148611" y="990182"/>
                    </a:cubicBezTo>
                    <a:close/>
                  </a:path>
                </a:pathLst>
              </a:custGeom>
              <a:solidFill>
                <a:sysClr val="window" lastClr="FFFFFF"/>
              </a:solidFill>
              <a:ln w="762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  <p:sp>
            <p:nvSpPr>
              <p:cNvPr id="16" name="מלבן 15"/>
              <p:cNvSpPr/>
              <p:nvPr/>
            </p:nvSpPr>
            <p:spPr>
              <a:xfrm>
                <a:off x="8444385" y="4069319"/>
                <a:ext cx="92075" cy="244475"/>
              </a:xfrm>
              <a:prstGeom prst="rect">
                <a:avLst/>
              </a:prstGeom>
              <a:solidFill>
                <a:sysClr val="windowText" lastClr="000000"/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</p:grpSp>
        <p:grpSp>
          <p:nvGrpSpPr>
            <p:cNvPr id="12" name="קבוצה 11"/>
            <p:cNvGrpSpPr/>
            <p:nvPr userDrawn="1"/>
          </p:nvGrpSpPr>
          <p:grpSpPr>
            <a:xfrm>
              <a:off x="6441931" y="1886254"/>
              <a:ext cx="1060395" cy="1230058"/>
              <a:chOff x="6441931" y="1886254"/>
              <a:chExt cx="1060395" cy="1230058"/>
            </a:xfrm>
          </p:grpSpPr>
          <p:sp>
            <p:nvSpPr>
              <p:cNvPr id="13" name="צורה חופשית 12"/>
              <p:cNvSpPr/>
              <p:nvPr/>
            </p:nvSpPr>
            <p:spPr>
              <a:xfrm rot="16200000">
                <a:off x="6357100" y="1971085"/>
                <a:ext cx="1230058" cy="1060395"/>
              </a:xfrm>
              <a:custGeom>
                <a:avLst/>
                <a:gdLst>
                  <a:gd name="connsiteX0" fmla="*/ 1148611 w 1148611"/>
                  <a:gd name="connsiteY0" fmla="*/ 990182 h 990182"/>
                  <a:gd name="connsiteX1" fmla="*/ 1058393 w 1148611"/>
                  <a:gd name="connsiteY1" fmla="*/ 990182 h 990182"/>
                  <a:gd name="connsiteX2" fmla="*/ 992171 w 1148611"/>
                  <a:gd name="connsiteY2" fmla="*/ 908864 h 990182"/>
                  <a:gd name="connsiteX3" fmla="*/ 574306 w 1148611"/>
                  <a:gd name="connsiteY3" fmla="*/ 177667 h 990182"/>
                  <a:gd name="connsiteX4" fmla="*/ 158716 w 1148611"/>
                  <a:gd name="connsiteY4" fmla="*/ 903586 h 990182"/>
                  <a:gd name="connsiteX5" fmla="*/ 92491 w 1148611"/>
                  <a:gd name="connsiteY5" fmla="*/ 990182 h 990182"/>
                  <a:gd name="connsiteX6" fmla="*/ 0 w 1148611"/>
                  <a:gd name="connsiteY6" fmla="*/ 990182 h 990182"/>
                  <a:gd name="connsiteX7" fmla="*/ 574306 w 1148611"/>
                  <a:gd name="connsiteY7" fmla="*/ 0 h 990182"/>
                  <a:gd name="connsiteX8" fmla="*/ 1148611 w 1148611"/>
                  <a:gd name="connsiteY8" fmla="*/ 990182 h 99018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</a:cxnLst>
                <a:rect l="l" t="t" r="r" b="b"/>
                <a:pathLst>
                  <a:path w="1148611" h="990182">
                    <a:moveTo>
                      <a:pt x="1148611" y="990182"/>
                    </a:moveTo>
                    <a:lnTo>
                      <a:pt x="1058393" y="990182"/>
                    </a:lnTo>
                    <a:lnTo>
                      <a:pt x="992171" y="908864"/>
                    </a:lnTo>
                    <a:cubicBezTo>
                      <a:pt x="830678" y="699794"/>
                      <a:pt x="654157" y="398611"/>
                      <a:pt x="574306" y="177667"/>
                    </a:cubicBezTo>
                    <a:cubicBezTo>
                      <a:pt x="494452" y="402782"/>
                      <a:pt x="319754" y="686239"/>
                      <a:pt x="158716" y="903586"/>
                    </a:cubicBezTo>
                    <a:lnTo>
                      <a:pt x="92491" y="990182"/>
                    </a:lnTo>
                    <a:lnTo>
                      <a:pt x="0" y="990182"/>
                    </a:lnTo>
                    <a:cubicBezTo>
                      <a:pt x="235884" y="691874"/>
                      <a:pt x="452720" y="342764"/>
                      <a:pt x="574306" y="0"/>
                    </a:cubicBezTo>
                    <a:cubicBezTo>
                      <a:pt x="695890" y="336414"/>
                      <a:pt x="912725" y="717274"/>
                      <a:pt x="1148611" y="990182"/>
                    </a:cubicBezTo>
                    <a:close/>
                  </a:path>
                </a:pathLst>
              </a:custGeom>
              <a:solidFill>
                <a:srgbClr val="337AA5">
                  <a:lumMod val="60000"/>
                  <a:lumOff val="40000"/>
                </a:srgbClr>
              </a:solidFill>
              <a:ln w="762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  <p:sp>
            <p:nvSpPr>
              <p:cNvPr id="14" name="מלבן 13"/>
              <p:cNvSpPr/>
              <p:nvPr/>
            </p:nvSpPr>
            <p:spPr>
              <a:xfrm>
                <a:off x="6564415" y="2271094"/>
                <a:ext cx="64807" cy="449210"/>
              </a:xfrm>
              <a:prstGeom prst="rect">
                <a:avLst/>
              </a:prstGeom>
              <a:solidFill>
                <a:srgbClr val="337AA5">
                  <a:lumMod val="60000"/>
                  <a:lumOff val="40000"/>
                </a:srgb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</p:grpSp>
      </p:grpSp>
      <p:pic>
        <p:nvPicPr>
          <p:cNvPr id="19" name="תמונה 18"/>
          <p:cNvPicPr>
            <a:picLocks noChangeAspect="1"/>
          </p:cNvPicPr>
          <p:nvPr userDrawn="1"/>
        </p:nvPicPr>
        <p:blipFill>
          <a:blip r:embed="rId17"/>
          <a:stretch>
            <a:fillRect/>
          </a:stretch>
        </p:blipFill>
        <p:spPr>
          <a:xfrm>
            <a:off x="943030" y="6597353"/>
            <a:ext cx="3981033" cy="377985"/>
          </a:xfrm>
          <a:prstGeom prst="rect">
            <a:avLst/>
          </a:prstGeom>
        </p:spPr>
      </p:pic>
      <p:pic>
        <p:nvPicPr>
          <p:cNvPr id="23" name="תמונה 22"/>
          <p:cNvPicPr>
            <a:picLocks noChangeAspect="1"/>
          </p:cNvPicPr>
          <p:nvPr userDrawn="1"/>
        </p:nvPicPr>
        <p:blipFill rotWithShape="1">
          <a:blip r:embed="rId18"/>
          <a:srcRect t="6815" b="25546"/>
          <a:stretch/>
        </p:blipFill>
        <p:spPr>
          <a:xfrm>
            <a:off x="9821474" y="6599332"/>
            <a:ext cx="2371551" cy="3381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8171560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38" r:id="rId1"/>
    <p:sldLayoutId id="2147483839" r:id="rId2"/>
    <p:sldLayoutId id="2147483840" r:id="rId3"/>
    <p:sldLayoutId id="2147483841" r:id="rId4"/>
    <p:sldLayoutId id="2147483842" r:id="rId5"/>
    <p:sldLayoutId id="2147483843" r:id="rId6"/>
    <p:sldLayoutId id="2147483844" r:id="rId7"/>
    <p:sldLayoutId id="2147483845" r:id="rId8"/>
    <p:sldLayoutId id="2147483846" r:id="rId9"/>
    <p:sldLayoutId id="2147483847" r:id="rId10"/>
    <p:sldLayoutId id="2147483848" r:id="rId11"/>
    <p:sldLayoutId id="2147483849" r:id="rId12"/>
    <p:sldLayoutId id="2147483850" r:id="rId13"/>
    <p:sldLayoutId id="2147483851" r:id="rId14"/>
    <p:sldLayoutId id="2147483852" r:id="rId15"/>
  </p:sldLayoutIdLst>
  <p:hf hdr="0" dt="0"/>
  <p:txStyles>
    <p:titleStyle>
      <a:lvl1pPr algn="r" defTabSz="685800" rtl="1" eaLnBrk="1" latinLnBrk="0" hangingPunct="1">
        <a:lnSpc>
          <a:spcPct val="70000"/>
        </a:lnSpc>
        <a:spcBef>
          <a:spcPct val="0"/>
        </a:spcBef>
        <a:buNone/>
        <a:defRPr lang="he-IL" sz="4050" kern="1200" dirty="0" smtClean="0">
          <a:solidFill>
            <a:schemeClr val="accent1"/>
          </a:solidFill>
          <a:effectLst>
            <a:outerShdw blurRad="50800" dist="38100" dir="2700000" algn="tl" rotWithShape="0">
              <a:schemeClr val="bg1">
                <a:lumMod val="50000"/>
                <a:alpha val="69000"/>
              </a:schemeClr>
            </a:outerShdw>
          </a:effectLst>
          <a:latin typeface="+mj-lt"/>
          <a:ea typeface="+mj-ea"/>
          <a:cs typeface="+mj-cs"/>
        </a:defRPr>
      </a:lvl1pPr>
    </p:titleStyle>
    <p:bodyStyle>
      <a:lvl1pPr marL="171450" indent="-171450" algn="r" defTabSz="685800" rtl="1" eaLnBrk="1" latinLnBrk="0" hangingPunct="1">
        <a:lnSpc>
          <a:spcPct val="90000"/>
        </a:lnSpc>
        <a:spcBef>
          <a:spcPts val="1800"/>
        </a:spcBef>
        <a:buSzPct val="80000"/>
        <a:buFontTx/>
        <a:buBlip>
          <a:blip r:embed="rId19"/>
        </a:buBlip>
        <a:defRPr sz="2100" kern="1200">
          <a:solidFill>
            <a:schemeClr val="tx1"/>
          </a:solidFill>
          <a:latin typeface="+mn-lt"/>
          <a:ea typeface="+mn-ea"/>
          <a:cs typeface="+mn-cs"/>
        </a:defRPr>
      </a:lvl1pPr>
      <a:lvl2pPr marL="514350" indent="-171450" algn="r" defTabSz="685800" rtl="1" eaLnBrk="1" latinLnBrk="0" hangingPunct="1">
        <a:lnSpc>
          <a:spcPct val="90000"/>
        </a:lnSpc>
        <a:spcBef>
          <a:spcPts val="375"/>
        </a:spcBef>
        <a:buFontTx/>
        <a:buBlip>
          <a:blip r:embed="rId20"/>
        </a:buBlip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8572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pos="7152">
          <p15:clr>
            <a:srgbClr val="F26B43"/>
          </p15:clr>
        </p15:guide>
        <p15:guide id="2" pos="528">
          <p15:clr>
            <a:srgbClr val="F26B43"/>
          </p15:clr>
        </p15:guide>
        <p15:guide id="3" pos="4067">
          <p15:clr>
            <a:srgbClr val="F26B43"/>
          </p15:clr>
        </p15:guide>
        <p15:guide id="4" pos="3613">
          <p15:clr>
            <a:srgbClr val="F26B43"/>
          </p15:clr>
        </p15:guide>
        <p15:guide id="5" orient="horz" pos="230">
          <p15:clr>
            <a:srgbClr val="F26B43"/>
          </p15:clr>
        </p15:guide>
        <p15:guide id="6" orient="horz" pos="1149">
          <p15:clr>
            <a:srgbClr val="F26B43"/>
          </p15:clr>
        </p15:guide>
        <p15:guide id="7" orient="horz" pos="3893">
          <p15:clr>
            <a:srgbClr val="F26B43"/>
          </p15:clr>
        </p15:guide>
        <p15:guide id="8" orient="horz" pos="4106">
          <p15:clr>
            <a:srgbClr val="F26B43"/>
          </p15:clr>
        </p15:guide>
      </p15:sldGuideLst>
    </p:ext>
  </p:extLst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67000">
              <a:schemeClr val="bg1"/>
            </a:gs>
            <a:gs pos="100000">
              <a:schemeClr val="bg2"/>
            </a:gs>
          </a:gsLst>
          <a:path path="circle">
            <a:fillToRect l="100000" b="100000"/>
          </a:path>
          <a:tileRect t="-100000" r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8" name="קבוצה 67"/>
          <p:cNvGrpSpPr/>
          <p:nvPr userDrawn="1"/>
        </p:nvGrpSpPr>
        <p:grpSpPr>
          <a:xfrm>
            <a:off x="-500002" y="-537702"/>
            <a:ext cx="3962034" cy="7595804"/>
            <a:chOff x="-500002" y="-537702"/>
            <a:chExt cx="3962034" cy="7595804"/>
          </a:xfrm>
        </p:grpSpPr>
        <p:sp>
          <p:nvSpPr>
            <p:cNvPr id="24" name="משושה 23"/>
            <p:cNvSpPr/>
            <p:nvPr userDrawn="1"/>
          </p:nvSpPr>
          <p:spPr>
            <a:xfrm>
              <a:off x="-478566" y="402465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5" name="משושה 24"/>
            <p:cNvSpPr/>
            <p:nvPr userDrawn="1"/>
          </p:nvSpPr>
          <p:spPr>
            <a:xfrm>
              <a:off x="-478566" y="504569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6" name="משושה 25"/>
            <p:cNvSpPr/>
            <p:nvPr userDrawn="1"/>
          </p:nvSpPr>
          <p:spPr>
            <a:xfrm>
              <a:off x="447907" y="452552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7" name="משושה 26"/>
            <p:cNvSpPr/>
            <p:nvPr userDrawn="1"/>
          </p:nvSpPr>
          <p:spPr>
            <a:xfrm>
              <a:off x="447907" y="554656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8" name="משושה 27"/>
            <p:cNvSpPr/>
            <p:nvPr userDrawn="1"/>
          </p:nvSpPr>
          <p:spPr>
            <a:xfrm>
              <a:off x="-478566" y="605708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3" name="משושה 32"/>
            <p:cNvSpPr/>
            <p:nvPr userDrawn="1"/>
          </p:nvSpPr>
          <p:spPr>
            <a:xfrm>
              <a:off x="440540" y="350460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4" name="משושה 33"/>
            <p:cNvSpPr/>
            <p:nvPr userDrawn="1"/>
          </p:nvSpPr>
          <p:spPr>
            <a:xfrm>
              <a:off x="1367012" y="302710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5" name="משושה 34"/>
            <p:cNvSpPr/>
            <p:nvPr userDrawn="1"/>
          </p:nvSpPr>
          <p:spPr>
            <a:xfrm>
              <a:off x="1367012" y="404815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6" name="משושה 35"/>
            <p:cNvSpPr/>
            <p:nvPr userDrawn="1"/>
          </p:nvSpPr>
          <p:spPr>
            <a:xfrm>
              <a:off x="2293485" y="352797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7" name="משושה 36"/>
            <p:cNvSpPr/>
            <p:nvPr userDrawn="1"/>
          </p:nvSpPr>
          <p:spPr>
            <a:xfrm>
              <a:off x="2293485" y="4549016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8" name="משושה 37"/>
            <p:cNvSpPr/>
            <p:nvPr userDrawn="1"/>
          </p:nvSpPr>
          <p:spPr>
            <a:xfrm>
              <a:off x="1367012" y="505953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1" name="משושה 40"/>
            <p:cNvSpPr/>
            <p:nvPr userDrawn="1"/>
          </p:nvSpPr>
          <p:spPr>
            <a:xfrm>
              <a:off x="-478567" y="98735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2" name="משושה 41"/>
            <p:cNvSpPr/>
            <p:nvPr userDrawn="1"/>
          </p:nvSpPr>
          <p:spPr>
            <a:xfrm>
              <a:off x="-478567" y="200839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3" name="משושה 42"/>
            <p:cNvSpPr/>
            <p:nvPr userDrawn="1"/>
          </p:nvSpPr>
          <p:spPr>
            <a:xfrm>
              <a:off x="447906" y="148821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4" name="משושה 43"/>
            <p:cNvSpPr/>
            <p:nvPr userDrawn="1"/>
          </p:nvSpPr>
          <p:spPr>
            <a:xfrm>
              <a:off x="447906" y="250925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5" name="משושה 44"/>
            <p:cNvSpPr/>
            <p:nvPr userDrawn="1"/>
          </p:nvSpPr>
          <p:spPr>
            <a:xfrm>
              <a:off x="-478567" y="301978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5" name="משושה 54"/>
            <p:cNvSpPr/>
            <p:nvPr userDrawn="1"/>
          </p:nvSpPr>
          <p:spPr>
            <a:xfrm>
              <a:off x="447907" y="477498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6" name="משושה 55"/>
            <p:cNvSpPr/>
            <p:nvPr userDrawn="1"/>
          </p:nvSpPr>
          <p:spPr>
            <a:xfrm>
              <a:off x="1374379" y="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7" name="משושה 56"/>
            <p:cNvSpPr/>
            <p:nvPr userDrawn="1"/>
          </p:nvSpPr>
          <p:spPr>
            <a:xfrm>
              <a:off x="1374379" y="102104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8" name="משושה 57"/>
            <p:cNvSpPr/>
            <p:nvPr userDrawn="1"/>
          </p:nvSpPr>
          <p:spPr>
            <a:xfrm>
              <a:off x="2300852" y="50086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9" name="משושה 58"/>
            <p:cNvSpPr/>
            <p:nvPr userDrawn="1"/>
          </p:nvSpPr>
          <p:spPr>
            <a:xfrm>
              <a:off x="2300852" y="152190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0" name="משושה 59"/>
            <p:cNvSpPr/>
            <p:nvPr userDrawn="1"/>
          </p:nvSpPr>
          <p:spPr>
            <a:xfrm>
              <a:off x="1374379" y="203243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6" name="משושה 65"/>
            <p:cNvSpPr/>
            <p:nvPr userDrawn="1"/>
          </p:nvSpPr>
          <p:spPr>
            <a:xfrm>
              <a:off x="426471" y="-53770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7" name="משושה 66"/>
            <p:cNvSpPr/>
            <p:nvPr userDrawn="1"/>
          </p:nvSpPr>
          <p:spPr>
            <a:xfrm>
              <a:off x="-500002" y="-2718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grpSp>
        <p:nvGrpSpPr>
          <p:cNvPr id="46" name="קבוצה 45"/>
          <p:cNvGrpSpPr/>
          <p:nvPr userDrawn="1"/>
        </p:nvGrpSpPr>
        <p:grpSpPr>
          <a:xfrm>
            <a:off x="-3240183" y="1996270"/>
            <a:ext cx="3014125" cy="3033447"/>
            <a:chOff x="148990" y="-308099"/>
            <a:chExt cx="3561992" cy="3584826"/>
          </a:xfrm>
        </p:grpSpPr>
        <p:sp>
          <p:nvSpPr>
            <p:cNvPr id="47" name="משושה 46"/>
            <p:cNvSpPr/>
            <p:nvPr userDrawn="1"/>
          </p:nvSpPr>
          <p:spPr>
            <a:xfrm>
              <a:off x="148990" y="25619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8" name="משושה 47"/>
            <p:cNvSpPr/>
            <p:nvPr userDrawn="1"/>
          </p:nvSpPr>
          <p:spPr>
            <a:xfrm>
              <a:off x="1243864" y="-30809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9" name="משושה 48"/>
            <p:cNvSpPr/>
            <p:nvPr userDrawn="1"/>
          </p:nvSpPr>
          <p:spPr>
            <a:xfrm>
              <a:off x="1243864" y="89853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0" name="משושה 49"/>
            <p:cNvSpPr/>
            <p:nvPr userDrawn="1"/>
          </p:nvSpPr>
          <p:spPr>
            <a:xfrm>
              <a:off x="2338738" y="28380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1" name="משושה 50"/>
            <p:cNvSpPr/>
            <p:nvPr userDrawn="1"/>
          </p:nvSpPr>
          <p:spPr>
            <a:xfrm>
              <a:off x="2338738" y="149044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2" name="משושה 51"/>
            <p:cNvSpPr/>
            <p:nvPr userDrawn="1"/>
          </p:nvSpPr>
          <p:spPr>
            <a:xfrm>
              <a:off x="1243864" y="209375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sp>
        <p:nvSpPr>
          <p:cNvPr id="2" name="מציין מיקום של כותרת 1"/>
          <p:cNvSpPr>
            <a:spLocks noGrp="1"/>
          </p:cNvSpPr>
          <p:nvPr userDrawn="1">
            <p:ph type="title"/>
          </p:nvPr>
        </p:nvSpPr>
        <p:spPr>
          <a:xfrm>
            <a:off x="407987" y="368301"/>
            <a:ext cx="11376025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pPr lvl="0"/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 userDrawn="1">
            <p:ph type="body" idx="1"/>
          </p:nvPr>
        </p:nvSpPr>
        <p:spPr>
          <a:xfrm>
            <a:off x="407987" y="1808164"/>
            <a:ext cx="11376025" cy="4429124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61" name="מלבן 60"/>
          <p:cNvSpPr/>
          <p:nvPr userDrawn="1"/>
        </p:nvSpPr>
        <p:spPr>
          <a:xfrm>
            <a:off x="0" y="6604856"/>
            <a:ext cx="12192000" cy="273044"/>
          </a:xfrm>
          <a:prstGeom prst="rect">
            <a:avLst/>
          </a:prstGeom>
          <a:solidFill>
            <a:sysClr val="window" lastClr="FFFFFF">
              <a:lumMod val="50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>
              <a:defRPr/>
            </a:pPr>
            <a:endParaRPr lang="he-IL" kern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 userDrawn="1"/>
        </p:nvSpPr>
        <p:spPr>
          <a:xfrm>
            <a:off x="5054392" y="6565260"/>
            <a:ext cx="2083216" cy="352237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sp3d/>
        </p:spPr>
        <p:txBody>
          <a:bodyPr rot="0" spcFirstLastPara="1" vertOverflow="overflow" horzOverflow="overflow" vert="horz" wrap="square" lIns="67735" tIns="67735" rIns="67735" bIns="67735" numCol="1" spcCol="38100" rtlCol="1" anchor="ctr">
            <a:spAutoFit/>
          </a:bodyPr>
          <a:lstStyle/>
          <a:p>
            <a:pPr algn="ctr" defTabSz="778972" rtl="0" hangingPunct="0">
              <a:defRPr/>
            </a:pPr>
            <a:r>
              <a:rPr lang="he-IL" sz="1400" kern="0" dirty="0">
                <a:solidFill>
                  <a:prstClr val="white"/>
                </a:solidFill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- סודי ביותר -</a:t>
            </a:r>
            <a:endParaRPr lang="he-IL" sz="1400" kern="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  <a:sym typeface="Helvetica Light"/>
            </a:endParaRPr>
          </a:p>
        </p:txBody>
      </p:sp>
      <p:sp>
        <p:nvSpPr>
          <p:cNvPr id="63" name="Shape 4"/>
          <p:cNvSpPr txBox="1">
            <a:spLocks/>
          </p:cNvSpPr>
          <p:nvPr userDrawn="1"/>
        </p:nvSpPr>
        <p:spPr>
          <a:xfrm>
            <a:off x="11587318" y="6565260"/>
            <a:ext cx="356405" cy="352237"/>
          </a:xfrm>
          <a:prstGeom prst="rect">
            <a:avLst/>
          </a:prstGeom>
          <a:ln w="12700">
            <a:miter lim="400000"/>
          </a:ln>
        </p:spPr>
        <p:txBody>
          <a:bodyPr wrap="none" lIns="67735" tIns="67735" rIns="67735" bIns="67735">
            <a:spAutoFit/>
          </a:bodyPr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1pPr>
            <a:lvl2pPr marL="0" marR="0" indent="228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2pPr>
            <a:lvl3pPr marL="0" marR="0" indent="457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3pPr>
            <a:lvl4pPr marL="0" marR="0" indent="685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4pPr>
            <a:lvl5pPr marL="0" marR="0" indent="9144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5pPr>
            <a:lvl6pPr marL="0" marR="0" indent="11430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6pPr>
            <a:lvl7pPr marL="0" marR="0" indent="1371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7pPr>
            <a:lvl8pPr marL="0" marR="0" indent="1600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8pPr>
            <a:lvl9pPr marL="0" marR="0" indent="1828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9pPr>
          </a:lstStyle>
          <a:p>
            <a:fld id="{1BA681D8-F5FD-419E-AD7B-C148849CCE68}" type="slidenum">
              <a:rPr lang="he-IL" sz="1400" smtClean="0">
                <a:solidFill>
                  <a:prstClr val="white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pPr/>
              <a:t>‹#›</a:t>
            </a:fld>
            <a:endParaRPr lang="he-IL" sz="140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0849632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58" r:id="rId1"/>
    <p:sldLayoutId id="2147483859" r:id="rId2"/>
    <p:sldLayoutId id="2147483860" r:id="rId3"/>
    <p:sldLayoutId id="2147483861" r:id="rId4"/>
    <p:sldLayoutId id="2147483862" r:id="rId5"/>
    <p:sldLayoutId id="2147483864" r:id="rId6"/>
    <p:sldLayoutId id="2147483865" r:id="rId7"/>
  </p:sldLayoutIdLst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lang="he-IL" sz="4000" kern="1200" dirty="0" smtClean="0">
          <a:solidFill>
            <a:schemeClr val="tx1"/>
          </a:solidFill>
          <a:effectLst/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pos="257">
          <p15:clr>
            <a:srgbClr val="F26B43"/>
          </p15:clr>
        </p15:guide>
        <p15:guide id="2" pos="7423">
          <p15:clr>
            <a:srgbClr val="F26B43"/>
          </p15:clr>
        </p15:guide>
        <p15:guide id="3" orient="horz" pos="731">
          <p15:clr>
            <a:srgbClr val="F26B43"/>
          </p15:clr>
        </p15:guide>
        <p15:guide id="4" orient="horz" pos="232">
          <p15:clr>
            <a:srgbClr val="F26B43"/>
          </p15:clr>
        </p15:guide>
        <p15:guide id="5" orient="horz" pos="1139">
          <p15:clr>
            <a:srgbClr val="F26B43"/>
          </p15:clr>
        </p15:guide>
        <p15:guide id="6" orient="horz" pos="3929">
          <p15:clr>
            <a:srgbClr val="F26B43"/>
          </p15:clr>
        </p15:guide>
      </p15:sldGuideLst>
    </p:ext>
  </p:extLst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67000">
              <a:schemeClr val="bg1"/>
            </a:gs>
            <a:gs pos="100000">
              <a:schemeClr val="bg2"/>
            </a:gs>
          </a:gsLst>
          <a:path path="circle">
            <a:fillToRect l="100000" b="100000"/>
          </a:path>
          <a:tileRect t="-100000" r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8" name="קבוצה 67"/>
          <p:cNvGrpSpPr/>
          <p:nvPr userDrawn="1"/>
        </p:nvGrpSpPr>
        <p:grpSpPr>
          <a:xfrm>
            <a:off x="-500002" y="-537702"/>
            <a:ext cx="3962034" cy="7595804"/>
            <a:chOff x="-500002" y="-537702"/>
            <a:chExt cx="3962034" cy="7595804"/>
          </a:xfrm>
        </p:grpSpPr>
        <p:sp>
          <p:nvSpPr>
            <p:cNvPr id="24" name="משושה 23"/>
            <p:cNvSpPr/>
            <p:nvPr userDrawn="1"/>
          </p:nvSpPr>
          <p:spPr>
            <a:xfrm>
              <a:off x="-478566" y="402465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5" name="משושה 24"/>
            <p:cNvSpPr/>
            <p:nvPr userDrawn="1"/>
          </p:nvSpPr>
          <p:spPr>
            <a:xfrm>
              <a:off x="-478566" y="504569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6" name="משושה 25"/>
            <p:cNvSpPr/>
            <p:nvPr userDrawn="1"/>
          </p:nvSpPr>
          <p:spPr>
            <a:xfrm>
              <a:off x="447907" y="452552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7" name="משושה 26"/>
            <p:cNvSpPr/>
            <p:nvPr userDrawn="1"/>
          </p:nvSpPr>
          <p:spPr>
            <a:xfrm>
              <a:off x="447907" y="554656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8" name="משושה 27"/>
            <p:cNvSpPr/>
            <p:nvPr userDrawn="1"/>
          </p:nvSpPr>
          <p:spPr>
            <a:xfrm>
              <a:off x="-478566" y="605708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3" name="משושה 32"/>
            <p:cNvSpPr/>
            <p:nvPr userDrawn="1"/>
          </p:nvSpPr>
          <p:spPr>
            <a:xfrm>
              <a:off x="440540" y="350460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4" name="משושה 33"/>
            <p:cNvSpPr/>
            <p:nvPr userDrawn="1"/>
          </p:nvSpPr>
          <p:spPr>
            <a:xfrm>
              <a:off x="1367012" y="302710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5" name="משושה 34"/>
            <p:cNvSpPr/>
            <p:nvPr userDrawn="1"/>
          </p:nvSpPr>
          <p:spPr>
            <a:xfrm>
              <a:off x="1367012" y="404815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6" name="משושה 35"/>
            <p:cNvSpPr/>
            <p:nvPr userDrawn="1"/>
          </p:nvSpPr>
          <p:spPr>
            <a:xfrm>
              <a:off x="2293485" y="352797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7" name="משושה 36"/>
            <p:cNvSpPr/>
            <p:nvPr userDrawn="1"/>
          </p:nvSpPr>
          <p:spPr>
            <a:xfrm>
              <a:off x="2293485" y="4549016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8" name="משושה 37"/>
            <p:cNvSpPr/>
            <p:nvPr userDrawn="1"/>
          </p:nvSpPr>
          <p:spPr>
            <a:xfrm>
              <a:off x="1367012" y="505953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1" name="משושה 40"/>
            <p:cNvSpPr/>
            <p:nvPr userDrawn="1"/>
          </p:nvSpPr>
          <p:spPr>
            <a:xfrm>
              <a:off x="-478567" y="98735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2" name="משושה 41"/>
            <p:cNvSpPr/>
            <p:nvPr userDrawn="1"/>
          </p:nvSpPr>
          <p:spPr>
            <a:xfrm>
              <a:off x="-478567" y="200839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3" name="משושה 42"/>
            <p:cNvSpPr/>
            <p:nvPr userDrawn="1"/>
          </p:nvSpPr>
          <p:spPr>
            <a:xfrm>
              <a:off x="447906" y="148821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4" name="משושה 43"/>
            <p:cNvSpPr/>
            <p:nvPr userDrawn="1"/>
          </p:nvSpPr>
          <p:spPr>
            <a:xfrm>
              <a:off x="447906" y="250925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5" name="משושה 44"/>
            <p:cNvSpPr/>
            <p:nvPr userDrawn="1"/>
          </p:nvSpPr>
          <p:spPr>
            <a:xfrm>
              <a:off x="-478567" y="301978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5" name="משושה 54"/>
            <p:cNvSpPr/>
            <p:nvPr userDrawn="1"/>
          </p:nvSpPr>
          <p:spPr>
            <a:xfrm>
              <a:off x="447907" y="477498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6" name="משושה 55"/>
            <p:cNvSpPr/>
            <p:nvPr userDrawn="1"/>
          </p:nvSpPr>
          <p:spPr>
            <a:xfrm>
              <a:off x="1374379" y="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7" name="משושה 56"/>
            <p:cNvSpPr/>
            <p:nvPr userDrawn="1"/>
          </p:nvSpPr>
          <p:spPr>
            <a:xfrm>
              <a:off x="1374379" y="102104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8" name="משושה 57"/>
            <p:cNvSpPr/>
            <p:nvPr userDrawn="1"/>
          </p:nvSpPr>
          <p:spPr>
            <a:xfrm>
              <a:off x="2300852" y="50086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9" name="משושה 58"/>
            <p:cNvSpPr/>
            <p:nvPr userDrawn="1"/>
          </p:nvSpPr>
          <p:spPr>
            <a:xfrm>
              <a:off x="2300852" y="152190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0" name="משושה 59"/>
            <p:cNvSpPr/>
            <p:nvPr userDrawn="1"/>
          </p:nvSpPr>
          <p:spPr>
            <a:xfrm>
              <a:off x="1374379" y="203243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6" name="משושה 65"/>
            <p:cNvSpPr/>
            <p:nvPr userDrawn="1"/>
          </p:nvSpPr>
          <p:spPr>
            <a:xfrm>
              <a:off x="426471" y="-53770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7" name="משושה 66"/>
            <p:cNvSpPr/>
            <p:nvPr userDrawn="1"/>
          </p:nvSpPr>
          <p:spPr>
            <a:xfrm>
              <a:off x="-500002" y="-2718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grpSp>
        <p:nvGrpSpPr>
          <p:cNvPr id="46" name="קבוצה 45"/>
          <p:cNvGrpSpPr/>
          <p:nvPr userDrawn="1"/>
        </p:nvGrpSpPr>
        <p:grpSpPr>
          <a:xfrm>
            <a:off x="-3240183" y="1996270"/>
            <a:ext cx="3014125" cy="3033447"/>
            <a:chOff x="148990" y="-308099"/>
            <a:chExt cx="3561992" cy="3584826"/>
          </a:xfrm>
        </p:grpSpPr>
        <p:sp>
          <p:nvSpPr>
            <p:cNvPr id="47" name="משושה 46"/>
            <p:cNvSpPr/>
            <p:nvPr userDrawn="1"/>
          </p:nvSpPr>
          <p:spPr>
            <a:xfrm>
              <a:off x="148990" y="25619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8" name="משושה 47"/>
            <p:cNvSpPr/>
            <p:nvPr userDrawn="1"/>
          </p:nvSpPr>
          <p:spPr>
            <a:xfrm>
              <a:off x="1243864" y="-30809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9" name="משושה 48"/>
            <p:cNvSpPr/>
            <p:nvPr userDrawn="1"/>
          </p:nvSpPr>
          <p:spPr>
            <a:xfrm>
              <a:off x="1243864" y="89853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0" name="משושה 49"/>
            <p:cNvSpPr/>
            <p:nvPr userDrawn="1"/>
          </p:nvSpPr>
          <p:spPr>
            <a:xfrm>
              <a:off x="2338738" y="28380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1" name="משושה 50"/>
            <p:cNvSpPr/>
            <p:nvPr userDrawn="1"/>
          </p:nvSpPr>
          <p:spPr>
            <a:xfrm>
              <a:off x="2338738" y="149044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2" name="משושה 51"/>
            <p:cNvSpPr/>
            <p:nvPr userDrawn="1"/>
          </p:nvSpPr>
          <p:spPr>
            <a:xfrm>
              <a:off x="1243864" y="209375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sp>
        <p:nvSpPr>
          <p:cNvPr id="2" name="מציין מיקום של כותרת 1"/>
          <p:cNvSpPr>
            <a:spLocks noGrp="1"/>
          </p:cNvSpPr>
          <p:nvPr userDrawn="1">
            <p:ph type="title"/>
          </p:nvPr>
        </p:nvSpPr>
        <p:spPr>
          <a:xfrm>
            <a:off x="407987" y="368301"/>
            <a:ext cx="11376025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pPr lvl="0"/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 userDrawn="1">
            <p:ph type="body" idx="1"/>
          </p:nvPr>
        </p:nvSpPr>
        <p:spPr>
          <a:xfrm>
            <a:off x="407987" y="1808164"/>
            <a:ext cx="11376025" cy="4429124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61" name="מלבן 60"/>
          <p:cNvSpPr/>
          <p:nvPr userDrawn="1"/>
        </p:nvSpPr>
        <p:spPr>
          <a:xfrm>
            <a:off x="0" y="6604856"/>
            <a:ext cx="12192000" cy="273044"/>
          </a:xfrm>
          <a:prstGeom prst="rect">
            <a:avLst/>
          </a:prstGeom>
          <a:solidFill>
            <a:sysClr val="window" lastClr="FFFFFF">
              <a:lumMod val="50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>
              <a:defRPr/>
            </a:pPr>
            <a:endParaRPr lang="he-IL" kern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 userDrawn="1"/>
        </p:nvSpPr>
        <p:spPr>
          <a:xfrm>
            <a:off x="5054392" y="6565260"/>
            <a:ext cx="2083216" cy="352237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sp3d/>
        </p:spPr>
        <p:txBody>
          <a:bodyPr rot="0" spcFirstLastPara="1" vertOverflow="overflow" horzOverflow="overflow" vert="horz" wrap="square" lIns="67735" tIns="67735" rIns="67735" bIns="67735" numCol="1" spcCol="38100" rtlCol="1" anchor="ctr">
            <a:spAutoFit/>
          </a:bodyPr>
          <a:lstStyle/>
          <a:p>
            <a:pPr algn="ctr" defTabSz="778972" rtl="0" hangingPunct="0">
              <a:defRPr/>
            </a:pPr>
            <a:r>
              <a:rPr lang="he-IL" sz="1400" kern="0" dirty="0">
                <a:solidFill>
                  <a:prstClr val="white"/>
                </a:solidFill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- בלמ"ס -</a:t>
            </a:r>
            <a:endParaRPr lang="he-IL" sz="1400" kern="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  <a:sym typeface="Helvetica Light"/>
            </a:endParaRPr>
          </a:p>
        </p:txBody>
      </p:sp>
      <p:sp>
        <p:nvSpPr>
          <p:cNvPr id="63" name="Shape 4"/>
          <p:cNvSpPr txBox="1">
            <a:spLocks/>
          </p:cNvSpPr>
          <p:nvPr userDrawn="1"/>
        </p:nvSpPr>
        <p:spPr>
          <a:xfrm>
            <a:off x="11587318" y="6565260"/>
            <a:ext cx="356405" cy="352237"/>
          </a:xfrm>
          <a:prstGeom prst="rect">
            <a:avLst/>
          </a:prstGeom>
          <a:ln w="12700">
            <a:miter lim="400000"/>
          </a:ln>
        </p:spPr>
        <p:txBody>
          <a:bodyPr wrap="none" lIns="67735" tIns="67735" rIns="67735" bIns="67735">
            <a:spAutoFit/>
          </a:bodyPr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1pPr>
            <a:lvl2pPr marL="0" marR="0" indent="228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2pPr>
            <a:lvl3pPr marL="0" marR="0" indent="457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3pPr>
            <a:lvl4pPr marL="0" marR="0" indent="685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4pPr>
            <a:lvl5pPr marL="0" marR="0" indent="9144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5pPr>
            <a:lvl6pPr marL="0" marR="0" indent="11430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6pPr>
            <a:lvl7pPr marL="0" marR="0" indent="1371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7pPr>
            <a:lvl8pPr marL="0" marR="0" indent="1600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8pPr>
            <a:lvl9pPr marL="0" marR="0" indent="1828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9pPr>
          </a:lstStyle>
          <a:p>
            <a:fld id="{1BA681D8-F5FD-419E-AD7B-C148849CCE68}" type="slidenum">
              <a:rPr lang="he-IL" sz="1400" smtClean="0">
                <a:solidFill>
                  <a:prstClr val="white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pPr/>
              <a:t>‹#›</a:t>
            </a:fld>
            <a:endParaRPr lang="he-IL" sz="140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2923584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51" r:id="rId1"/>
    <p:sldLayoutId id="2147483952" r:id="rId2"/>
    <p:sldLayoutId id="2147483953" r:id="rId3"/>
    <p:sldLayoutId id="2147484028" r:id="rId4"/>
    <p:sldLayoutId id="2147483954" r:id="rId5"/>
    <p:sldLayoutId id="2147483955" r:id="rId6"/>
    <p:sldLayoutId id="2147483956" r:id="rId7"/>
    <p:sldLayoutId id="2147483957" r:id="rId8"/>
  </p:sldLayoutIdLst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lang="he-IL" sz="4000" kern="1200" dirty="0" smtClean="0">
          <a:solidFill>
            <a:schemeClr val="tx1"/>
          </a:solidFill>
          <a:effectLst/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pos="257">
          <p15:clr>
            <a:srgbClr val="F26B43"/>
          </p15:clr>
        </p15:guide>
        <p15:guide id="2" pos="7423">
          <p15:clr>
            <a:srgbClr val="F26B43"/>
          </p15:clr>
        </p15:guide>
        <p15:guide id="3" orient="horz" pos="731">
          <p15:clr>
            <a:srgbClr val="F26B43"/>
          </p15:clr>
        </p15:guide>
        <p15:guide id="4" orient="horz" pos="232">
          <p15:clr>
            <a:srgbClr val="F26B43"/>
          </p15:clr>
        </p15:guide>
        <p15:guide id="5" orient="horz" pos="1139">
          <p15:clr>
            <a:srgbClr val="F26B43"/>
          </p15:clr>
        </p15:guide>
        <p15:guide id="6" orient="horz" pos="3929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1.jpg"/><Relationship Id="rId1" Type="http://schemas.openxmlformats.org/officeDocument/2006/relationships/slideLayout" Target="../slideLayouts/slideLayout34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2.jpg"/><Relationship Id="rId1" Type="http://schemas.openxmlformats.org/officeDocument/2006/relationships/slideLayout" Target="../slideLayouts/slideLayout3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jpeg"/><Relationship Id="rId2" Type="http://schemas.openxmlformats.org/officeDocument/2006/relationships/image" Target="../media/image58.jpg"/><Relationship Id="rId1" Type="http://schemas.openxmlformats.org/officeDocument/2006/relationships/slideLayout" Target="../slideLayouts/slideLayout34.xml"/><Relationship Id="rId5" Type="http://schemas.openxmlformats.org/officeDocument/2006/relationships/image" Target="../media/image65.png"/><Relationship Id="rId4" Type="http://schemas.openxmlformats.org/officeDocument/2006/relationships/image" Target="../media/image64.jpeg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3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3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slide" Target="slide22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1.xml"/><Relationship Id="rId4" Type="http://schemas.openxmlformats.org/officeDocument/2006/relationships/image" Target="../media/image66.jpe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7.jpeg"/><Relationship Id="rId1" Type="http://schemas.openxmlformats.org/officeDocument/2006/relationships/slideLayout" Target="../slideLayouts/slideLayout33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8.jpeg"/><Relationship Id="rId1" Type="http://schemas.openxmlformats.org/officeDocument/2006/relationships/slideLayout" Target="../slideLayouts/slideLayout33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9.jpeg"/><Relationship Id="rId1" Type="http://schemas.openxmlformats.org/officeDocument/2006/relationships/slideLayout" Target="../slideLayouts/slideLayout33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0.png"/><Relationship Id="rId1" Type="http://schemas.openxmlformats.org/officeDocument/2006/relationships/slideLayout" Target="../slideLayouts/slideLayout33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.gif"/><Relationship Id="rId3" Type="http://schemas.microsoft.com/office/2007/relationships/hdphoto" Target="../media/hdphoto1.wdp"/><Relationship Id="rId7" Type="http://schemas.openxmlformats.org/officeDocument/2006/relationships/image" Target="../media/image22.gif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21.png"/><Relationship Id="rId11" Type="http://schemas.openxmlformats.org/officeDocument/2006/relationships/image" Target="../media/image26.gif"/><Relationship Id="rId5" Type="http://schemas.openxmlformats.org/officeDocument/2006/relationships/image" Target="../media/image20.png"/><Relationship Id="rId10" Type="http://schemas.openxmlformats.org/officeDocument/2006/relationships/image" Target="../media/image25.gif"/><Relationship Id="rId4" Type="http://schemas.openxmlformats.org/officeDocument/2006/relationships/image" Target="../media/image19.gif"/><Relationship Id="rId9" Type="http://schemas.openxmlformats.org/officeDocument/2006/relationships/image" Target="../media/image24.gif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71.png"/><Relationship Id="rId1" Type="http://schemas.openxmlformats.org/officeDocument/2006/relationships/slideLayout" Target="../slideLayouts/slideLayout33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2.jpeg"/><Relationship Id="rId1" Type="http://schemas.openxmlformats.org/officeDocument/2006/relationships/slideLayout" Target="../slideLayouts/slideLayout33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3.jpeg"/><Relationship Id="rId1" Type="http://schemas.openxmlformats.org/officeDocument/2006/relationships/slideLayout" Target="../slideLayouts/slideLayout33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4.jpeg"/><Relationship Id="rId1" Type="http://schemas.openxmlformats.org/officeDocument/2006/relationships/slideLayout" Target="../slideLayouts/slideLayout33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5.jpeg"/><Relationship Id="rId1" Type="http://schemas.openxmlformats.org/officeDocument/2006/relationships/slideLayout" Target="../slideLayouts/slideLayout33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6.jpeg"/><Relationship Id="rId1" Type="http://schemas.openxmlformats.org/officeDocument/2006/relationships/slideLayout" Target="../slideLayouts/slideLayout33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7.jpeg"/><Relationship Id="rId1" Type="http://schemas.openxmlformats.org/officeDocument/2006/relationships/slideLayout" Target="../slideLayouts/slideLayout33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8.jpeg"/><Relationship Id="rId1" Type="http://schemas.openxmlformats.org/officeDocument/2006/relationships/slideLayout" Target="../slideLayouts/slideLayout33.xml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85.png"/><Relationship Id="rId3" Type="http://schemas.openxmlformats.org/officeDocument/2006/relationships/image" Target="../media/image80.jpeg"/><Relationship Id="rId7" Type="http://schemas.openxmlformats.org/officeDocument/2006/relationships/image" Target="../media/image84.png"/><Relationship Id="rId2" Type="http://schemas.openxmlformats.org/officeDocument/2006/relationships/image" Target="../media/image79.jpeg"/><Relationship Id="rId1" Type="http://schemas.openxmlformats.org/officeDocument/2006/relationships/slideLayout" Target="../slideLayouts/slideLayout31.xml"/><Relationship Id="rId6" Type="http://schemas.openxmlformats.org/officeDocument/2006/relationships/image" Target="../media/image83.png"/><Relationship Id="rId5" Type="http://schemas.openxmlformats.org/officeDocument/2006/relationships/image" Target="../media/image82.png"/><Relationship Id="rId4" Type="http://schemas.openxmlformats.org/officeDocument/2006/relationships/image" Target="../media/image81.jpeg"/><Relationship Id="rId9" Type="http://schemas.openxmlformats.org/officeDocument/2006/relationships/image" Target="../media/image86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30.gif"/><Relationship Id="rId3" Type="http://schemas.microsoft.com/office/2007/relationships/hdphoto" Target="../media/hdphoto1.wdp"/><Relationship Id="rId7" Type="http://schemas.openxmlformats.org/officeDocument/2006/relationships/image" Target="../media/image29.gif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28.png"/><Relationship Id="rId5" Type="http://schemas.microsoft.com/office/2007/relationships/hdphoto" Target="../media/hdphoto2.wdp"/><Relationship Id="rId10" Type="http://schemas.openxmlformats.org/officeDocument/2006/relationships/image" Target="../media/image32.png"/><Relationship Id="rId4" Type="http://schemas.openxmlformats.org/officeDocument/2006/relationships/image" Target="../media/image27.png"/><Relationship Id="rId9" Type="http://schemas.openxmlformats.org/officeDocument/2006/relationships/image" Target="../media/image31.gif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39.png"/><Relationship Id="rId3" Type="http://schemas.openxmlformats.org/officeDocument/2006/relationships/image" Target="../media/image34.jpeg"/><Relationship Id="rId7" Type="http://schemas.openxmlformats.org/officeDocument/2006/relationships/image" Target="../media/image38.png"/><Relationship Id="rId2" Type="http://schemas.openxmlformats.org/officeDocument/2006/relationships/image" Target="../media/image33.jpe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37.png"/><Relationship Id="rId11" Type="http://schemas.microsoft.com/office/2007/relationships/hdphoto" Target="../media/hdphoto3.wdp"/><Relationship Id="rId5" Type="http://schemas.openxmlformats.org/officeDocument/2006/relationships/image" Target="../media/image36.jpeg"/><Relationship Id="rId10" Type="http://schemas.openxmlformats.org/officeDocument/2006/relationships/image" Target="../media/image41.png"/><Relationship Id="rId4" Type="http://schemas.openxmlformats.org/officeDocument/2006/relationships/image" Target="../media/image35.jpeg"/><Relationship Id="rId9" Type="http://schemas.openxmlformats.org/officeDocument/2006/relationships/image" Target="../media/image40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7" Type="http://schemas.openxmlformats.org/officeDocument/2006/relationships/image" Target="../media/image47.png"/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38.xml"/><Relationship Id="rId6" Type="http://schemas.openxmlformats.org/officeDocument/2006/relationships/image" Target="../media/image46.png"/><Relationship Id="rId5" Type="http://schemas.openxmlformats.org/officeDocument/2006/relationships/image" Target="../media/image45.png"/><Relationship Id="rId4" Type="http://schemas.openxmlformats.org/officeDocument/2006/relationships/image" Target="../media/image44.png"/></Relationships>
</file>

<file path=ppt/slides/_rels/slide6.xml.rels><?xml version="1.0" encoding="UTF-8" standalone="yes"?>
<Relationships xmlns="http://schemas.openxmlformats.org/package/2006/relationships"><Relationship Id="rId8" Type="http://schemas.microsoft.com/office/2007/relationships/hdphoto" Target="../media/hdphoto4.wdp"/><Relationship Id="rId3" Type="http://schemas.openxmlformats.org/officeDocument/2006/relationships/image" Target="../media/image49.png"/><Relationship Id="rId7" Type="http://schemas.openxmlformats.org/officeDocument/2006/relationships/image" Target="../media/image53.png"/><Relationship Id="rId12" Type="http://schemas.openxmlformats.org/officeDocument/2006/relationships/image" Target="../media/image57.jpeg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52.png"/><Relationship Id="rId11" Type="http://schemas.openxmlformats.org/officeDocument/2006/relationships/image" Target="../media/image56.emf"/><Relationship Id="rId5" Type="http://schemas.openxmlformats.org/officeDocument/2006/relationships/image" Target="../media/image51.png"/><Relationship Id="rId10" Type="http://schemas.openxmlformats.org/officeDocument/2006/relationships/image" Target="../media/image55.png"/><Relationship Id="rId4" Type="http://schemas.openxmlformats.org/officeDocument/2006/relationships/image" Target="../media/image50.png"/><Relationship Id="rId9" Type="http://schemas.openxmlformats.org/officeDocument/2006/relationships/image" Target="../media/image54.png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8.jpg"/><Relationship Id="rId1" Type="http://schemas.openxmlformats.org/officeDocument/2006/relationships/slideLayout" Target="../slideLayouts/slideLayout34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9.jpg"/><Relationship Id="rId1" Type="http://schemas.openxmlformats.org/officeDocument/2006/relationships/slideLayout" Target="../slideLayouts/slideLayout3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0.jpg"/><Relationship Id="rId1" Type="http://schemas.openxmlformats.org/officeDocument/2006/relationships/slideLayout" Target="../slideLayouts/slideLayout3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0" y="5333826"/>
            <a:ext cx="12191999" cy="1701800"/>
          </a:xfrm>
          <a:effectLst/>
        </p:spPr>
        <p:txBody>
          <a:bodyPr anchor="t">
            <a:noAutofit/>
          </a:bodyPr>
          <a:lstStyle/>
          <a:p>
            <a:pPr algn="ctr">
              <a:lnSpc>
                <a:spcPts val="6000"/>
              </a:lnSpc>
            </a:pPr>
            <a:r>
              <a:rPr lang="en-US" sz="2400" b="1" dirty="0">
                <a:solidFill>
                  <a:sysClr val="windowText" lastClr="000000"/>
                </a:solidFill>
                <a:effectLst/>
                <a:cs typeface="+mn-cs"/>
              </a:rPr>
              <a:t>International Simulation Summit, 2019</a:t>
            </a:r>
            <a:endParaRPr lang="he-IL" sz="1400" b="1" dirty="0">
              <a:solidFill>
                <a:srgbClr val="0881A3"/>
              </a:solidFill>
              <a:effectLst/>
              <a:cs typeface="+mn-cs"/>
            </a:endParaRPr>
          </a:p>
        </p:txBody>
      </p:sp>
      <p:pic>
        <p:nvPicPr>
          <p:cNvPr id="15" name="תמונה 14"/>
          <p:cNvPicPr>
            <a:picLocks noChangeAspect="1"/>
          </p:cNvPicPr>
          <p:nvPr/>
        </p:nvPicPr>
        <p:blipFill>
          <a:blip r:embed="rId3" cstate="print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1658" y="187287"/>
            <a:ext cx="2403408" cy="2113808"/>
          </a:xfrm>
          <a:prstGeom prst="rect">
            <a:avLst/>
          </a:prstGeom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EF7132C1-06B2-4260-A9D5-DC88FC9843A8}"/>
              </a:ext>
            </a:extLst>
          </p:cNvPr>
          <p:cNvSpPr/>
          <p:nvPr/>
        </p:nvSpPr>
        <p:spPr>
          <a:xfrm>
            <a:off x="2820318" y="924061"/>
            <a:ext cx="8858054" cy="255454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8000" dirty="0">
                <a:solidFill>
                  <a:sysClr val="windowText" lastClr="000000"/>
                </a:solidFill>
                <a:latin typeface="Aharoni" panose="02010803020104030203" pitchFamily="2" charset="-79"/>
                <a:ea typeface="+mj-ea"/>
                <a:cs typeface="Aharoni" panose="02010803020104030203" pitchFamily="2" charset="-79"/>
              </a:rPr>
              <a:t>Challenges in Force Build-Up</a:t>
            </a:r>
          </a:p>
        </p:txBody>
      </p:sp>
    </p:spTree>
    <p:extLst>
      <p:ext uri="{BB962C8B-B14F-4D97-AF65-F5344CB8AC3E}">
        <p14:creationId xmlns:p14="http://schemas.microsoft.com/office/powerpoint/2010/main" val="272936746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>
        <p14:honeycomb/>
      </p:transition>
    </mc:Choice>
    <mc:Fallback xmlns="">
      <p:transition spd="slow">
        <p:fade/>
      </p:transition>
    </mc:Fallback>
  </mc:AlternateContent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639" b="5192"/>
          <a:stretch/>
        </p:blipFill>
        <p:spPr>
          <a:xfrm>
            <a:off x="0" y="0"/>
            <a:ext cx="9100850" cy="6858000"/>
          </a:xfrm>
          <a:prstGeom prst="rect">
            <a:avLst/>
          </a:prstGeom>
        </p:spPr>
      </p:pic>
      <p:sp>
        <p:nvSpPr>
          <p:cNvPr id="10" name="כותרת 8"/>
          <p:cNvSpPr>
            <a:spLocks noGrp="1"/>
          </p:cNvSpPr>
          <p:nvPr>
            <p:ph type="title"/>
          </p:nvPr>
        </p:nvSpPr>
        <p:spPr>
          <a:xfrm>
            <a:off x="8881808" y="2650477"/>
            <a:ext cx="3310192" cy="4210555"/>
          </a:xfrm>
        </p:spPr>
        <p:txBody>
          <a:bodyPr>
            <a:normAutofit/>
          </a:bodyPr>
          <a:lstStyle/>
          <a:p>
            <a:pPr algn="ctr" rtl="0"/>
            <a:r>
              <a:rPr lang="en-US" sz="2800" dirty="0">
                <a:latin typeface="Segoe UI Black" panose="020B0A02040204020203" pitchFamily="34" charset="0"/>
                <a:ea typeface="Segoe UI Black" panose="020B0A02040204020203" pitchFamily="34" charset="0"/>
              </a:rPr>
              <a:t>Precision Fire, Lethality, </a:t>
            </a:r>
            <a:br>
              <a:rPr lang="en-US" sz="2800" dirty="0">
                <a:latin typeface="Segoe UI Black" panose="020B0A02040204020203" pitchFamily="34" charset="0"/>
                <a:ea typeface="Segoe UI Black" panose="020B0A02040204020203" pitchFamily="34" charset="0"/>
              </a:rPr>
            </a:br>
            <a:r>
              <a:rPr lang="en-US" sz="2800" dirty="0">
                <a:latin typeface="Segoe UI Black" panose="020B0A02040204020203" pitchFamily="34" charset="0"/>
                <a:ea typeface="Segoe UI Black" panose="020B0A02040204020203" pitchFamily="34" charset="0"/>
              </a:rPr>
              <a:t>National and Security infrastructure</a:t>
            </a:r>
            <a:endParaRPr lang="he-IL" sz="28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sp>
        <p:nvSpPr>
          <p:cNvPr id="2" name="Rectangle 1">
            <a:extLst>
              <a:ext uri="{FF2B5EF4-FFF2-40B4-BE49-F238E27FC236}">
                <a16:creationId xmlns:a16="http://schemas.microsoft.com/office/drawing/2014/main" id="{E092C312-5293-4135-9122-428D1002C5C9}"/>
              </a:ext>
            </a:extLst>
          </p:cNvPr>
          <p:cNvSpPr/>
          <p:nvPr/>
        </p:nvSpPr>
        <p:spPr>
          <a:xfrm>
            <a:off x="7473480" y="3580487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PGMS</a:t>
            </a:r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id="{2A48E02D-A993-4CEF-9A12-FCC9E9AD3C7F}"/>
              </a:ext>
            </a:extLst>
          </p:cNvPr>
          <p:cNvSpPr/>
          <p:nvPr/>
        </p:nvSpPr>
        <p:spPr>
          <a:xfrm>
            <a:off x="6769863" y="4724400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CDCMS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1B934E3D-B910-449F-B0B9-B7EF01667BB9}"/>
              </a:ext>
            </a:extLst>
          </p:cNvPr>
          <p:cNvSpPr/>
          <p:nvPr/>
        </p:nvSpPr>
        <p:spPr>
          <a:xfrm>
            <a:off x="7761759" y="2275904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MRBMS</a:t>
            </a:r>
          </a:p>
        </p:txBody>
      </p:sp>
      <p:sp>
        <p:nvSpPr>
          <p:cNvPr id="8" name="Rectangle 7">
            <a:extLst>
              <a:ext uri="{FF2B5EF4-FFF2-40B4-BE49-F238E27FC236}">
                <a16:creationId xmlns:a16="http://schemas.microsoft.com/office/drawing/2014/main" id="{C682A7E8-D847-4F09-8AFE-00A1C2FA8A63}"/>
              </a:ext>
            </a:extLst>
          </p:cNvPr>
          <p:cNvSpPr/>
          <p:nvPr/>
        </p:nvSpPr>
        <p:spPr>
          <a:xfrm>
            <a:off x="7473480" y="930010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SRBMS</a:t>
            </a: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37D4C9BA-834B-46E5-8B54-D6514DEAB363}"/>
              </a:ext>
            </a:extLst>
          </p:cNvPr>
          <p:cNvSpPr/>
          <p:nvPr/>
        </p:nvSpPr>
        <p:spPr>
          <a:xfrm>
            <a:off x="464917" y="1000704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LRBM</a:t>
            </a:r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934B8929-C8EF-4CEB-8200-3DE2AEBF4C4D}"/>
              </a:ext>
            </a:extLst>
          </p:cNvPr>
          <p:cNvSpPr/>
          <p:nvPr/>
        </p:nvSpPr>
        <p:spPr>
          <a:xfrm>
            <a:off x="716470" y="5152234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UAV</a:t>
            </a:r>
          </a:p>
        </p:txBody>
      </p:sp>
      <p:sp>
        <p:nvSpPr>
          <p:cNvPr id="12" name="Rectangle 11">
            <a:extLst>
              <a:ext uri="{FF2B5EF4-FFF2-40B4-BE49-F238E27FC236}">
                <a16:creationId xmlns:a16="http://schemas.microsoft.com/office/drawing/2014/main" id="{7644E24A-A450-41CF-B261-04E1AC5FB4F4}"/>
              </a:ext>
            </a:extLst>
          </p:cNvPr>
          <p:cNvSpPr/>
          <p:nvPr/>
        </p:nvSpPr>
        <p:spPr>
          <a:xfrm>
            <a:off x="1276494" y="3024138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TBMS</a:t>
            </a:r>
          </a:p>
        </p:txBody>
      </p:sp>
    </p:spTree>
    <p:extLst>
      <p:ext uri="{BB962C8B-B14F-4D97-AF65-F5344CB8AC3E}">
        <p14:creationId xmlns:p14="http://schemas.microsoft.com/office/powerpoint/2010/main" val="184018265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קבוצה 4"/>
          <p:cNvGrpSpPr/>
          <p:nvPr/>
        </p:nvGrpSpPr>
        <p:grpSpPr>
          <a:xfrm>
            <a:off x="63886" y="0"/>
            <a:ext cx="9080500" cy="6769100"/>
            <a:chOff x="2135560" y="548680"/>
            <a:chExt cx="7920880" cy="5904656"/>
          </a:xfrm>
        </p:grpSpPr>
        <p:pic>
          <p:nvPicPr>
            <p:cNvPr id="6" name="תמונה 5"/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135560" y="548680"/>
              <a:ext cx="7920880" cy="5904656"/>
            </a:xfrm>
            <a:prstGeom prst="rect">
              <a:avLst/>
            </a:prstGeom>
          </p:spPr>
        </p:pic>
        <p:sp>
          <p:nvSpPr>
            <p:cNvPr id="14" name="TextBox 13"/>
            <p:cNvSpPr txBox="1"/>
            <p:nvPr/>
          </p:nvSpPr>
          <p:spPr>
            <a:xfrm>
              <a:off x="7536160" y="2755926"/>
              <a:ext cx="1800200" cy="295319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IRAN</a:t>
              </a:r>
              <a:endParaRPr lang="he-IL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endParaRP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7201036" y="4681139"/>
              <a:ext cx="1235224" cy="295319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IRAQ</a:t>
              </a:r>
              <a:endParaRPr lang="he-IL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endParaRP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872917" y="4592008"/>
              <a:ext cx="1235224" cy="295319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SYIRA</a:t>
              </a:r>
              <a:endParaRPr lang="he-IL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endParaRP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3276600" y="3176955"/>
              <a:ext cx="1235224" cy="295319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LEBANON</a:t>
              </a:r>
              <a:endParaRPr lang="he-IL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endParaRP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3521969" y="1889915"/>
              <a:ext cx="1235224" cy="295319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YEMEN</a:t>
              </a:r>
              <a:endParaRPr lang="he-IL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endParaRPr>
            </a:p>
          </p:txBody>
        </p:sp>
      </p:grpSp>
      <p:sp>
        <p:nvSpPr>
          <p:cNvPr id="3" name="כותרת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ctr"/>
            <a:r>
              <a:rPr lang="en-US" sz="3600" dirty="0">
                <a:latin typeface="Segoe UI Black" panose="020B0A02040204020203" pitchFamily="34" charset="0"/>
                <a:ea typeface="Segoe UI Black" panose="020B0A02040204020203" pitchFamily="34" charset="0"/>
              </a:rPr>
              <a:t>Fire from many locations</a:t>
            </a:r>
            <a:endParaRPr lang="he-IL" sz="36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41589AF1-08F9-43E1-BC60-33A332BBB820}"/>
              </a:ext>
            </a:extLst>
          </p:cNvPr>
          <p:cNvSpPr txBox="1"/>
          <p:nvPr/>
        </p:nvSpPr>
        <p:spPr>
          <a:xfrm>
            <a:off x="2325253" y="3910692"/>
            <a:ext cx="1416061" cy="33855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GAZA</a:t>
            </a:r>
            <a:endParaRPr lang="he-IL" sz="1600" b="1" dirty="0">
              <a:solidFill>
                <a:srgbClr val="FFFFFF"/>
              </a:solidFill>
              <a:latin typeface="Gisha" panose="020B0502040204020203" pitchFamily="34" charset="-79"/>
              <a:cs typeface="Gisha" panose="020B0502040204020203" pitchFamily="34" charset="-79"/>
            </a:endParaRPr>
          </a:p>
        </p:txBody>
      </p:sp>
      <p:sp>
        <p:nvSpPr>
          <p:cNvPr id="11" name="TextBox 10">
            <a:extLst>
              <a:ext uri="{FF2B5EF4-FFF2-40B4-BE49-F238E27FC236}">
                <a16:creationId xmlns:a16="http://schemas.microsoft.com/office/drawing/2014/main" id="{E81A864F-AE53-4ADD-8726-A5AD2C80D06C}"/>
              </a:ext>
            </a:extLst>
          </p:cNvPr>
          <p:cNvSpPr txBox="1"/>
          <p:nvPr/>
        </p:nvSpPr>
        <p:spPr>
          <a:xfrm>
            <a:off x="3741314" y="2674502"/>
            <a:ext cx="1416061" cy="33855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ISRAEL</a:t>
            </a:r>
            <a:endParaRPr lang="he-IL" sz="1600" b="1" dirty="0">
              <a:solidFill>
                <a:srgbClr val="FFFFFF"/>
              </a:solidFill>
              <a:latin typeface="Gisha" panose="020B0502040204020203" pitchFamily="34" charset="-79"/>
              <a:cs typeface="Gisha" panose="020B0502040204020203" pitchFamily="34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585096672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pic>
        <p:nvPicPr>
          <p:cNvPr id="8" name="תמונה 7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05151" y="393967"/>
            <a:ext cx="3697434" cy="2081655"/>
          </a:xfrm>
          <a:prstGeom prst="rect">
            <a:avLst/>
          </a:prstGeom>
        </p:spPr>
      </p:pic>
      <p:pic>
        <p:nvPicPr>
          <p:cNvPr id="9" name="תמונה 8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061" y="859070"/>
            <a:ext cx="3697434" cy="2081655"/>
          </a:xfrm>
          <a:prstGeom prst="rect">
            <a:avLst/>
          </a:prstGeom>
        </p:spPr>
      </p:pic>
      <p:pic>
        <p:nvPicPr>
          <p:cNvPr id="10" name="תמונה 9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84030" y="3333295"/>
            <a:ext cx="4359970" cy="3200704"/>
          </a:xfrm>
          <a:prstGeom prst="rect">
            <a:avLst/>
          </a:prstGeom>
        </p:spPr>
      </p:pic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9222059" y="1559682"/>
            <a:ext cx="2915880" cy="4210555"/>
          </a:xfrm>
        </p:spPr>
        <p:txBody>
          <a:bodyPr>
            <a:normAutofit/>
          </a:bodyPr>
          <a:lstStyle/>
          <a:p>
            <a:r>
              <a:rPr lang="en-US" sz="3600" dirty="0">
                <a:latin typeface="Segoe UI Black" panose="020B0A02040204020203" pitchFamily="34" charset="0"/>
                <a:ea typeface="Segoe UI Black" panose="020B0A02040204020203" pitchFamily="34" charset="0"/>
              </a:rPr>
              <a:t>Information Operations</a:t>
            </a:r>
            <a:endParaRPr lang="he-IL" sz="36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16872952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כותרת 1"/>
          <p:cNvSpPr txBox="1">
            <a:spLocks/>
          </p:cNvSpPr>
          <p:nvPr/>
        </p:nvSpPr>
        <p:spPr>
          <a:xfrm>
            <a:off x="-1870865" y="2617381"/>
            <a:ext cx="10440598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2"/>
                </a:solidFill>
                <a:effectLst>
                  <a:outerShdw blurRad="50800" dist="38100" dir="2700000" algn="tl" rotWithShape="0">
                    <a:schemeClr val="tx2">
                      <a:alpha val="40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pPr algn="ctr" rtl="0"/>
            <a:r>
              <a:rPr lang="en-US" sz="4800" kern="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Un-Desired State</a:t>
            </a:r>
            <a:endParaRPr lang="he-IL" sz="4800" kern="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</p:txBody>
      </p:sp>
      <p:sp>
        <p:nvSpPr>
          <p:cNvPr id="12" name="כותרת 1"/>
          <p:cNvSpPr txBox="1">
            <a:spLocks/>
          </p:cNvSpPr>
          <p:nvPr/>
        </p:nvSpPr>
        <p:spPr>
          <a:xfrm>
            <a:off x="2059263" y="3631288"/>
            <a:ext cx="2407218" cy="401016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lvl="0" rtl="0">
              <a:defRPr/>
            </a:pPr>
            <a:r>
              <a:rPr lang="en-US" sz="240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achievement</a:t>
            </a:r>
            <a:endParaRPr lang="he-IL" sz="240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</p:txBody>
      </p:sp>
      <p:sp>
        <p:nvSpPr>
          <p:cNvPr id="13" name="כותרת 1"/>
          <p:cNvSpPr txBox="1">
            <a:spLocks/>
          </p:cNvSpPr>
          <p:nvPr/>
        </p:nvSpPr>
        <p:spPr>
          <a:xfrm>
            <a:off x="5572721" y="6109135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1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Price</a:t>
            </a:r>
            <a:endParaRPr kumimoji="0" lang="he-IL" sz="2000" b="1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effectLst/>
              <a:uLnTx/>
              <a:uFillTx/>
              <a:latin typeface="Heebo Medium" panose="00000600000000000000" pitchFamily="2" charset="-79"/>
              <a:ea typeface="+mj-ea"/>
              <a:cs typeface="Heebo Medium" panose="00000600000000000000" pitchFamily="2" charset="-79"/>
            </a:endParaRPr>
          </a:p>
        </p:txBody>
      </p:sp>
      <p:sp>
        <p:nvSpPr>
          <p:cNvPr id="14" name="כותרת 1"/>
          <p:cNvSpPr txBox="1">
            <a:spLocks/>
          </p:cNvSpPr>
          <p:nvPr/>
        </p:nvSpPr>
        <p:spPr>
          <a:xfrm>
            <a:off x="37970" y="6137748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lvl="0" rtl="0">
              <a:defRPr/>
            </a:pPr>
            <a:r>
              <a:rPr lang="en-US" sz="240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Time</a:t>
            </a:r>
            <a:endParaRPr lang="he-IL" sz="240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</p:txBody>
      </p:sp>
      <p:sp>
        <p:nvSpPr>
          <p:cNvPr id="15" name="כותרת 1"/>
          <p:cNvSpPr txBox="1">
            <a:spLocks/>
          </p:cNvSpPr>
          <p:nvPr/>
        </p:nvSpPr>
        <p:spPr>
          <a:xfrm>
            <a:off x="2285057" y="6265044"/>
            <a:ext cx="2060808" cy="351656"/>
          </a:xfrm>
          <a:prstGeom prst="rect">
            <a:avLst/>
          </a:prstGeom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0</a:t>
            </a:r>
            <a:endParaRPr kumimoji="0" lang="he-IL" sz="2000" b="0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effectLst/>
              <a:uLnTx/>
              <a:uFillTx/>
              <a:latin typeface="Heebo Medium" panose="00000600000000000000" pitchFamily="2" charset="-79"/>
              <a:ea typeface="+mj-ea"/>
              <a:cs typeface="Heebo Medium" panose="00000600000000000000" pitchFamily="2" charset="-79"/>
            </a:endParaRPr>
          </a:p>
        </p:txBody>
      </p:sp>
      <p:sp>
        <p:nvSpPr>
          <p:cNvPr id="16" name="משולש שווה-שוקיים 6"/>
          <p:cNvSpPr/>
          <p:nvPr/>
        </p:nvSpPr>
        <p:spPr bwMode="auto">
          <a:xfrm>
            <a:off x="298499" y="4066039"/>
            <a:ext cx="5928747" cy="1944216"/>
          </a:xfrm>
          <a:prstGeom prst="triangle">
            <a:avLst/>
          </a:prstGeom>
          <a:solidFill>
            <a:srgbClr val="FFC000"/>
          </a:solidFill>
          <a:ln>
            <a:headEnd type="none" w="med" len="med"/>
            <a:tailEnd type="none" w="med" len="med"/>
          </a:ln>
          <a:effectLst>
            <a:glow rad="165100">
              <a:schemeClr val="tx1">
                <a:alpha val="60000"/>
              </a:schemeClr>
            </a:glow>
            <a:outerShdw blurRad="40000" dist="2300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000" b="1" i="0" u="none" strike="noStrike" kern="1200" cap="all" spc="0" normalizeH="0" baseline="0" noProof="0" dirty="0">
              <a:ln w="0"/>
              <a:solidFill>
                <a:prstClr val="white"/>
              </a:solidFill>
              <a:effectLst/>
              <a:uLnTx/>
              <a:uFillTx/>
              <a:latin typeface="Rockwell"/>
              <a:ea typeface="+mn-ea"/>
              <a:cs typeface="David" pitchFamily="2" charset="-79"/>
            </a:endParaRPr>
          </a:p>
        </p:txBody>
      </p:sp>
      <p:sp>
        <p:nvSpPr>
          <p:cNvPr id="18" name="כותרת 1">
            <a:extLst>
              <a:ext uri="{FF2B5EF4-FFF2-40B4-BE49-F238E27FC236}">
                <a16:creationId xmlns:a16="http://schemas.microsoft.com/office/drawing/2014/main" id="{07994972-1618-43F6-9663-D13F492E0FCE}"/>
              </a:ext>
            </a:extLst>
          </p:cNvPr>
          <p:cNvSpPr txBox="1">
            <a:spLocks/>
          </p:cNvSpPr>
          <p:nvPr/>
        </p:nvSpPr>
        <p:spPr>
          <a:xfrm>
            <a:off x="2059263" y="2104222"/>
            <a:ext cx="2512396" cy="230932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lvl="0" rtl="0">
              <a:defRPr/>
            </a:pPr>
            <a:r>
              <a:rPr lang="en-US" sz="240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achievement</a:t>
            </a:r>
            <a:endParaRPr kumimoji="0" lang="he-IL" sz="2400" b="1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effectLst/>
              <a:uLnTx/>
              <a:uFillTx/>
              <a:latin typeface="Heebo Medium" panose="00000600000000000000" pitchFamily="2" charset="-79"/>
              <a:ea typeface="+mj-ea"/>
              <a:cs typeface="Heebo Medium" panose="00000600000000000000" pitchFamily="2" charset="-79"/>
            </a:endParaRPr>
          </a:p>
        </p:txBody>
      </p:sp>
      <p:sp>
        <p:nvSpPr>
          <p:cNvPr id="19" name="כותרת 1">
            <a:extLst>
              <a:ext uri="{FF2B5EF4-FFF2-40B4-BE49-F238E27FC236}">
                <a16:creationId xmlns:a16="http://schemas.microsoft.com/office/drawing/2014/main" id="{629AE3EB-D9AF-4E6F-B482-01CECD620134}"/>
              </a:ext>
            </a:extLst>
          </p:cNvPr>
          <p:cNvSpPr txBox="1">
            <a:spLocks/>
          </p:cNvSpPr>
          <p:nvPr/>
        </p:nvSpPr>
        <p:spPr>
          <a:xfrm>
            <a:off x="4342979" y="6110346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rtl="0">
              <a:defRPr/>
            </a:pPr>
            <a:r>
              <a:rPr lang="en-US" sz="200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Price</a:t>
            </a:r>
            <a:endParaRPr lang="he-IL" sz="200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400" b="1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effectLst/>
              <a:uLnTx/>
              <a:uFillTx/>
              <a:latin typeface="Heebo Medium" panose="00000600000000000000" pitchFamily="2" charset="-79"/>
              <a:ea typeface="+mj-ea"/>
              <a:cs typeface="Heebo Medium" panose="00000600000000000000" pitchFamily="2" charset="-79"/>
            </a:endParaRPr>
          </a:p>
        </p:txBody>
      </p:sp>
      <p:sp>
        <p:nvSpPr>
          <p:cNvPr id="22" name="כותרת 1">
            <a:extLst>
              <a:ext uri="{FF2B5EF4-FFF2-40B4-BE49-F238E27FC236}">
                <a16:creationId xmlns:a16="http://schemas.microsoft.com/office/drawing/2014/main" id="{5B70408A-AB67-4413-B6D2-F88C73100024}"/>
              </a:ext>
            </a:extLst>
          </p:cNvPr>
          <p:cNvSpPr txBox="1">
            <a:spLocks/>
          </p:cNvSpPr>
          <p:nvPr/>
        </p:nvSpPr>
        <p:spPr>
          <a:xfrm>
            <a:off x="1539391" y="6109135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1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Time</a:t>
            </a:r>
            <a:endParaRPr kumimoji="0" lang="he-IL" sz="2000" b="1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effectLst/>
              <a:uLnTx/>
              <a:uFillTx/>
              <a:latin typeface="Heebo Medium" panose="00000600000000000000" pitchFamily="2" charset="-79"/>
              <a:ea typeface="+mj-ea"/>
              <a:cs typeface="Heebo Medium" panose="00000600000000000000" pitchFamily="2" charset="-79"/>
            </a:endParaRPr>
          </a:p>
        </p:txBody>
      </p:sp>
      <p:sp>
        <p:nvSpPr>
          <p:cNvPr id="23" name="משולש שווה-שוקיים 13">
            <a:extLst>
              <a:ext uri="{FF2B5EF4-FFF2-40B4-BE49-F238E27FC236}">
                <a16:creationId xmlns:a16="http://schemas.microsoft.com/office/drawing/2014/main" id="{6267BA1D-8453-40C2-BA9D-D8ECC5294B51}"/>
              </a:ext>
            </a:extLst>
          </p:cNvPr>
          <p:cNvSpPr/>
          <p:nvPr/>
        </p:nvSpPr>
        <p:spPr bwMode="auto">
          <a:xfrm>
            <a:off x="1915146" y="2473147"/>
            <a:ext cx="2560538" cy="3519194"/>
          </a:xfrm>
          <a:prstGeom prst="triangle">
            <a:avLst/>
          </a:prstGeom>
          <a:solidFill>
            <a:srgbClr val="FFC000"/>
          </a:solidFill>
          <a:ln>
            <a:headEnd type="none" w="med" len="med"/>
            <a:tailEnd type="none" w="med" len="med"/>
          </a:ln>
          <a:effectLst>
            <a:glow rad="165100">
              <a:schemeClr val="tx1">
                <a:lumMod val="85000"/>
                <a:lumOff val="15000"/>
                <a:alpha val="60000"/>
              </a:schemeClr>
            </a:glow>
            <a:outerShdw blurRad="40000" dist="2300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000" b="1" i="0" u="none" strike="noStrike" kern="1200" cap="all" spc="0" normalizeH="0" baseline="0" noProof="0" dirty="0">
              <a:ln w="0"/>
              <a:solidFill>
                <a:prstClr val="white"/>
              </a:solidFill>
              <a:effectLst/>
              <a:uLnTx/>
              <a:uFillTx/>
              <a:latin typeface="Rockwell"/>
              <a:ea typeface="+mn-ea"/>
              <a:cs typeface="David" pitchFamily="2" charset="-79"/>
            </a:endParaRPr>
          </a:p>
        </p:txBody>
      </p:sp>
      <p:sp>
        <p:nvSpPr>
          <p:cNvPr id="25" name="אליפסה 24"/>
          <p:cNvSpPr/>
          <p:nvPr/>
        </p:nvSpPr>
        <p:spPr bwMode="auto">
          <a:xfrm>
            <a:off x="3104550" y="5837471"/>
            <a:ext cx="316644" cy="316800"/>
          </a:xfrm>
          <a:prstGeom prst="ellipse">
            <a:avLst/>
          </a:prstGeom>
          <a:solidFill>
            <a:schemeClr val="tx1">
              <a:lumMod val="75000"/>
              <a:lumOff val="25000"/>
            </a:schemeClr>
          </a:solidFill>
          <a:ln>
            <a:solidFill>
              <a:srgbClr val="000000"/>
            </a:solidFill>
            <a:headEnd type="none" w="med" len="med"/>
            <a:tailEnd type="none" w="med" len="med"/>
          </a:ln>
          <a:effectLst>
            <a:glow rad="101600">
              <a:schemeClr val="bg1">
                <a:alpha val="60000"/>
              </a:schemeClr>
            </a:glow>
            <a:outerShdw blurRad="40000" dist="2300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000" b="1" i="0" u="none" strike="noStrike" kern="1200" cap="all" spc="0" normalizeH="0" baseline="0" noProof="0" dirty="0">
              <a:ln w="0"/>
              <a:solidFill>
                <a:prstClr val="white"/>
              </a:solidFill>
              <a:effectLst/>
              <a:uLnTx/>
              <a:uFillTx/>
              <a:latin typeface="Rockwell"/>
              <a:ea typeface="+mn-ea"/>
              <a:cs typeface="David" pitchFamily="2" charset="-79"/>
            </a:endParaRPr>
          </a:p>
        </p:txBody>
      </p:sp>
      <p:sp>
        <p:nvSpPr>
          <p:cNvPr id="28" name="כותרת 1">
            <a:extLst>
              <a:ext uri="{FF2B5EF4-FFF2-40B4-BE49-F238E27FC236}">
                <a16:creationId xmlns:a16="http://schemas.microsoft.com/office/drawing/2014/main" id="{E9DDB7B8-E8DA-47B4-86D3-5B6BD783853B}"/>
              </a:ext>
            </a:extLst>
          </p:cNvPr>
          <p:cNvSpPr txBox="1">
            <a:spLocks/>
          </p:cNvSpPr>
          <p:nvPr/>
        </p:nvSpPr>
        <p:spPr>
          <a:xfrm>
            <a:off x="-2762441" y="609932"/>
            <a:ext cx="12223750" cy="1143000"/>
          </a:xfrm>
          <a:prstGeom prst="rect">
            <a:avLst/>
          </a:prstGeom>
        </p:spPr>
        <p:txBody>
          <a:bodyPr anchor="ctr"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rtl="0"/>
            <a:r>
              <a:rPr lang="en-US" sz="4000" kern="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Desired State</a:t>
            </a:r>
            <a:endParaRPr lang="he-IL" sz="4000" kern="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</p:txBody>
      </p:sp>
      <p:sp>
        <p:nvSpPr>
          <p:cNvPr id="17" name="כותרת 1">
            <a:extLst>
              <a:ext uri="{FF2B5EF4-FFF2-40B4-BE49-F238E27FC236}">
                <a16:creationId xmlns:a16="http://schemas.microsoft.com/office/drawing/2014/main" id="{0CBE1F70-458C-4405-AF8A-E1B844374262}"/>
              </a:ext>
            </a:extLst>
          </p:cNvPr>
          <p:cNvSpPr txBox="1">
            <a:spLocks/>
          </p:cNvSpPr>
          <p:nvPr/>
        </p:nvSpPr>
        <p:spPr>
          <a:xfrm>
            <a:off x="6060976" y="86993"/>
            <a:ext cx="5934419" cy="5537200"/>
          </a:xfrm>
          <a:prstGeom prst="rect">
            <a:avLst/>
          </a:prstGeom>
        </p:spPr>
        <p:txBody>
          <a:bodyPr vert="horz" lIns="91440" tIns="45720" rIns="91440" bIns="45720" rtlCol="1" anchor="ctr">
            <a:no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pPr algn="just" rtl="0">
              <a:lnSpc>
                <a:spcPct val="100000"/>
              </a:lnSpc>
            </a:pPr>
            <a:r>
              <a:rPr lang="en-US" sz="3600" dirty="0">
                <a:latin typeface="Segoe UI Black" panose="020B0A02040204020203" pitchFamily="34" charset="0"/>
                <a:ea typeface="Segoe UI Black" panose="020B0A02040204020203" pitchFamily="34" charset="0"/>
              </a:rPr>
              <a:t>New </a:t>
            </a:r>
            <a:r>
              <a:rPr lang="en-US" sz="4400" dirty="0">
                <a:solidFill>
                  <a:srgbClr val="C0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offset</a:t>
            </a:r>
            <a:r>
              <a:rPr lang="en-US" sz="3600" dirty="0">
                <a:latin typeface="Segoe UI Black" panose="020B0A02040204020203" pitchFamily="34" charset="0"/>
                <a:ea typeface="Segoe UI Black" panose="020B0A02040204020203" pitchFamily="34" charset="0"/>
              </a:rPr>
              <a:t> concept:</a:t>
            </a:r>
          </a:p>
          <a:p>
            <a:pPr algn="just" rtl="0">
              <a:lnSpc>
                <a:spcPct val="100000"/>
              </a:lnSpc>
            </a:pPr>
            <a:r>
              <a:rPr lang="en-US" sz="3600" dirty="0">
                <a:latin typeface="Segoe UI Black" panose="020B0A02040204020203" pitchFamily="34" charset="0"/>
                <a:ea typeface="Segoe UI Black" panose="020B0A02040204020203" pitchFamily="34" charset="0"/>
              </a:rPr>
              <a:t>Decisive and Fast Victory, while Lowering the price and shorten the length </a:t>
            </a:r>
            <a:endParaRPr lang="he-IL" sz="36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1CEA5D4F-3678-4E3D-A9D4-B7C94517AFDF}"/>
              </a:ext>
            </a:extLst>
          </p:cNvPr>
          <p:cNvSpPr/>
          <p:nvPr/>
        </p:nvSpPr>
        <p:spPr>
          <a:xfrm>
            <a:off x="2239684" y="3837788"/>
            <a:ext cx="1806284" cy="1779528"/>
          </a:xfrm>
          <a:prstGeom prst="ellipse">
            <a:avLst/>
          </a:prstGeom>
          <a:solidFill>
            <a:srgbClr val="56565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Need for decisive victory</a:t>
            </a:r>
          </a:p>
        </p:txBody>
      </p:sp>
    </p:spTree>
    <p:extLst>
      <p:ext uri="{BB962C8B-B14F-4D97-AF65-F5344CB8AC3E}">
        <p14:creationId xmlns:p14="http://schemas.microsoft.com/office/powerpoint/2010/main" val="361720579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75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7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275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275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275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21" dur="750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750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23" dur="75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74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26" dur="10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28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0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31" dur="10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3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36" dur="1000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8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2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/>
      <p:bldP spid="13" grpId="0"/>
      <p:bldP spid="14" grpId="0"/>
      <p:bldP spid="16" grpId="0" animBg="1"/>
      <p:bldP spid="18" grpId="0"/>
      <p:bldP spid="19" grpId="0"/>
      <p:bldP spid="22" grpId="0"/>
      <p:bldP spid="23" grpId="0" animBg="1"/>
      <p:bldP spid="28" grpId="0"/>
      <p:bldP spid="5" grpId="0" animBg="1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092139" y="623176"/>
            <a:ext cx="5270736" cy="5537200"/>
          </a:xfrm>
        </p:spPr>
        <p:txBody>
          <a:bodyPr anchor="ctr">
            <a:noAutofit/>
          </a:bodyPr>
          <a:lstStyle/>
          <a:p>
            <a:pPr algn="ctr">
              <a:lnSpc>
                <a:spcPct val="100000"/>
              </a:lnSpc>
            </a:pPr>
            <a:r>
              <a:rPr lang="en-US" sz="5400" spc="-150" dirty="0">
                <a:latin typeface="Segoe UI Black" panose="020B0A02040204020203" pitchFamily="34" charset="0"/>
                <a:ea typeface="Segoe UI Black" panose="020B0A02040204020203" pitchFamily="34" charset="0"/>
              </a:rPr>
              <a:t>Efforts enabling new concept</a:t>
            </a:r>
            <a:endParaRPr lang="he-IL" sz="5400" spc="-150" dirty="0">
              <a:effectLst/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sp>
        <p:nvSpPr>
          <p:cNvPr id="11" name="Shape 244"/>
          <p:cNvSpPr/>
          <p:nvPr/>
        </p:nvSpPr>
        <p:spPr>
          <a:xfrm>
            <a:off x="4672154" y="4227806"/>
            <a:ext cx="2419985" cy="827721"/>
          </a:xfrm>
          <a:prstGeom prst="rect">
            <a:avLst/>
          </a:prstGeom>
          <a:solidFill>
            <a:schemeClr val="tx2"/>
          </a:solidFill>
          <a:ln w="25400">
            <a:noFill/>
            <a:miter lim="400000"/>
          </a:ln>
          <a:effectLst/>
        </p:spPr>
        <p:txBody>
          <a:bodyPr lIns="35719" tIns="35719" rIns="35719" bIns="35719" anchor="ctr"/>
          <a:lstStyle/>
          <a:p>
            <a:pPr algn="ctr"/>
            <a:r>
              <a:rPr lang="en-US" sz="3200" b="1" dirty="0">
                <a:solidFill>
                  <a:schemeClr val="accent6"/>
                </a:solidFill>
                <a:latin typeface="Segoe UI Semilight" panose="020B0402040204020203" pitchFamily="34" charset="0"/>
              </a:rPr>
              <a:t>Defense</a:t>
            </a:r>
            <a:r>
              <a:rPr lang="he-IL" sz="3200" b="1" dirty="0">
                <a:solidFill>
                  <a:schemeClr val="accent6"/>
                </a:solidFill>
                <a:latin typeface="Segoe UI Semilight" panose="020B0402040204020203" pitchFamily="34" charset="0"/>
              </a:rPr>
              <a:t> </a:t>
            </a:r>
            <a:endParaRPr lang="he-IL" sz="2400" b="1" dirty="0">
              <a:solidFill>
                <a:schemeClr val="accent6"/>
              </a:solidFill>
              <a:latin typeface="Segoe UI Semilight" panose="020B0402040204020203" pitchFamily="34" charset="0"/>
            </a:endParaRPr>
          </a:p>
          <a:p>
            <a:pPr algn="ctr"/>
            <a:r>
              <a:rPr lang="en-US" dirty="0">
                <a:solidFill>
                  <a:schemeClr val="bg1"/>
                </a:solidFill>
                <a:latin typeface="Segoe UI Semilight" panose="020B0402040204020203" pitchFamily="34" charset="0"/>
              </a:rPr>
              <a:t>Multi Domain </a:t>
            </a:r>
            <a:endParaRPr lang="he-IL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2" name="Shape 235"/>
          <p:cNvSpPr/>
          <p:nvPr/>
        </p:nvSpPr>
        <p:spPr>
          <a:xfrm>
            <a:off x="4672154" y="2868030"/>
            <a:ext cx="2419985" cy="875206"/>
          </a:xfrm>
          <a:prstGeom prst="rect">
            <a:avLst/>
          </a:prstGeom>
          <a:solidFill>
            <a:schemeClr val="tx2"/>
          </a:solidFill>
          <a:ln w="25400">
            <a:noFill/>
            <a:miter lim="400000"/>
          </a:ln>
          <a:effectLst/>
        </p:spPr>
        <p:txBody>
          <a:bodyPr lIns="35719" tIns="35719" rIns="35719" bIns="35719" anchor="ctr"/>
          <a:lstStyle/>
          <a:p>
            <a:pPr algn="ctr"/>
            <a:r>
              <a:rPr lang="en-US" sz="3200" b="1" dirty="0">
                <a:solidFill>
                  <a:schemeClr val="accent6"/>
                </a:solidFill>
                <a:latin typeface="Segoe UI Semilight" panose="020B0402040204020203" pitchFamily="34" charset="0"/>
              </a:rPr>
              <a:t>Strikes</a:t>
            </a:r>
            <a:r>
              <a:rPr lang="he-IL" sz="2400" dirty="0">
                <a:solidFill>
                  <a:schemeClr val="accent6"/>
                </a:solidFill>
                <a:latin typeface="Segoe UI Semilight" panose="020B0402040204020203" pitchFamily="34" charset="0"/>
              </a:rPr>
              <a:t> </a:t>
            </a:r>
          </a:p>
          <a:p>
            <a:pPr algn="ctr"/>
            <a:r>
              <a:rPr lang="en-US" dirty="0">
                <a:solidFill>
                  <a:schemeClr val="bg1"/>
                </a:solidFill>
                <a:latin typeface="Segoe UI Semilight" panose="020B0402040204020203" pitchFamily="34" charset="0"/>
              </a:rPr>
              <a:t>Multi Domain </a:t>
            </a:r>
            <a:endParaRPr lang="he-IL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3" name="Shape 244"/>
          <p:cNvSpPr/>
          <p:nvPr/>
        </p:nvSpPr>
        <p:spPr>
          <a:xfrm>
            <a:off x="4672155" y="1620034"/>
            <a:ext cx="2419985" cy="827721"/>
          </a:xfrm>
          <a:prstGeom prst="rect">
            <a:avLst/>
          </a:prstGeom>
          <a:solidFill>
            <a:schemeClr val="tx2"/>
          </a:solidFill>
          <a:ln w="25400">
            <a:noFill/>
            <a:miter lim="400000"/>
          </a:ln>
          <a:effectLst/>
        </p:spPr>
        <p:txBody>
          <a:bodyPr lIns="35719" tIns="35719" rIns="35719" bIns="35719" anchor="ctr"/>
          <a:lstStyle/>
          <a:p>
            <a:pPr algn="ctr"/>
            <a:r>
              <a:rPr lang="en-US" sz="3200" b="1" dirty="0">
                <a:solidFill>
                  <a:schemeClr val="accent6"/>
                </a:solidFill>
                <a:latin typeface="Segoe UI Semilight" panose="020B0402040204020203" pitchFamily="34" charset="0"/>
              </a:rPr>
              <a:t>Maneuver</a:t>
            </a:r>
            <a:r>
              <a:rPr lang="he-IL" sz="3200" dirty="0">
                <a:solidFill>
                  <a:schemeClr val="accent6"/>
                </a:solidFill>
                <a:latin typeface="Segoe UI Semilight" panose="020B0402040204020203" pitchFamily="34" charset="0"/>
              </a:rPr>
              <a:t> </a:t>
            </a:r>
            <a:endParaRPr lang="he-IL" sz="2400" dirty="0">
              <a:solidFill>
                <a:schemeClr val="accent6"/>
              </a:solidFill>
              <a:latin typeface="Segoe UI Semilight" panose="020B0402040204020203" pitchFamily="34" charset="0"/>
            </a:endParaRPr>
          </a:p>
          <a:p>
            <a:pPr algn="ctr"/>
            <a:r>
              <a:rPr lang="en-US" dirty="0">
                <a:solidFill>
                  <a:schemeClr val="bg1"/>
                </a:solidFill>
                <a:latin typeface="Segoe UI Semilight" panose="020B0402040204020203" pitchFamily="34" charset="0"/>
              </a:rPr>
              <a:t>Multi Domain </a:t>
            </a:r>
            <a:endParaRPr lang="he-IL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208592" y="1620034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Digital </a:t>
            </a:r>
          </a:p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08592" y="3430362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Information 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208592" y="2525198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Cyber</a:t>
            </a:r>
          </a:p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2302396" y="1620034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Aerial 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2302396" y="3430362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Maritime 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2302396" y="2525198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Intel 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302396" y="4335527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Continuity of OPS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208592" y="4335527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Spectrum 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5276858" y="954249"/>
            <a:ext cx="1455078" cy="64633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sz="3600" b="1" dirty="0">
                <a:solidFill>
                  <a:schemeClr val="tx2"/>
                </a:solidFill>
              </a:rPr>
              <a:t>Efforts</a:t>
            </a:r>
            <a:endParaRPr lang="he-IL" sz="3600" b="1" dirty="0">
              <a:solidFill>
                <a:schemeClr val="tx2"/>
              </a:solidFill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1551895" y="939076"/>
            <a:ext cx="1822102" cy="64633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sz="3600" b="1" dirty="0">
                <a:solidFill>
                  <a:schemeClr val="accent3">
                    <a:lumMod val="50000"/>
                  </a:schemeClr>
                </a:solidFill>
              </a:rPr>
              <a:t>Enablers</a:t>
            </a:r>
            <a:endParaRPr lang="he-IL" sz="3600" b="1" dirty="0">
              <a:solidFill>
                <a:schemeClr val="accent3">
                  <a:lumMod val="50000"/>
                </a:schemeClr>
              </a:solidFill>
            </a:endParaRPr>
          </a:p>
        </p:txBody>
      </p:sp>
      <p:sp>
        <p:nvSpPr>
          <p:cNvPr id="25" name="Rounded Rectangle 42"/>
          <p:cNvSpPr/>
          <p:nvPr/>
        </p:nvSpPr>
        <p:spPr>
          <a:xfrm>
            <a:off x="2914457" y="5381693"/>
            <a:ext cx="7995162" cy="1331108"/>
          </a:xfrm>
          <a:prstGeom prst="rect">
            <a:avLst/>
          </a:prstGeom>
          <a:noFill/>
          <a:ln w="2857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l" rtl="0"/>
            <a:r>
              <a:rPr lang="en-US" sz="3000" dirty="0">
                <a:solidFill>
                  <a:schemeClr val="tx2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Act </a:t>
            </a:r>
            <a:r>
              <a:rPr lang="en-US" sz="30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imultaneously</a:t>
            </a:r>
          </a:p>
          <a:p>
            <a:pPr algn="l" rtl="0"/>
            <a:r>
              <a:rPr lang="en-US" sz="3000" dirty="0">
                <a:solidFill>
                  <a:schemeClr val="tx2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Enhance </a:t>
            </a:r>
            <a:r>
              <a:rPr lang="en-US" sz="30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operation tempo and power </a:t>
            </a:r>
          </a:p>
          <a:p>
            <a:pPr algn="l" rtl="0"/>
            <a:r>
              <a:rPr lang="en-US" sz="30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Deny</a:t>
            </a:r>
            <a:r>
              <a:rPr lang="en-US" sz="3000" dirty="0">
                <a:solidFill>
                  <a:schemeClr val="tx2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 enemy capabilities </a:t>
            </a:r>
          </a:p>
          <a:p>
            <a:pPr algn="l" rtl="0"/>
            <a:endParaRPr lang="he-IL" sz="3000" dirty="0">
              <a:solidFill>
                <a:schemeClr val="tx2"/>
              </a:solidFill>
              <a:latin typeface="Segoe UI Semibold" panose="020B0702040204020203" pitchFamily="34" charset="0"/>
              <a:cs typeface="Segoe UI Semibold" panose="020B07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8178809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6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0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4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2000"/>
                            </p:stCondLst>
                            <p:childTnLst>
                              <p:par>
                                <p:cTn id="26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8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2500"/>
                            </p:stCondLst>
                            <p:childTnLst>
                              <p:par>
                                <p:cTn id="30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2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3000"/>
                            </p:stCondLst>
                            <p:childTnLst>
                              <p:par>
                                <p:cTn id="34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6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3500"/>
                            </p:stCondLst>
                            <p:childTnLst>
                              <p:par>
                                <p:cTn id="38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40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1" fill="hold">
                            <p:stCondLst>
                              <p:cond delay="4000"/>
                            </p:stCondLst>
                            <p:childTnLst>
                              <p:par>
                                <p:cTn id="42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44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19" grpId="0" animBg="1"/>
      <p:bldP spid="20" grpId="0" animBg="1"/>
      <p:bldP spid="21" grpId="0" animBg="1"/>
      <p:bldP spid="22" grpId="0" animBg="1"/>
      <p:bldP spid="24" grpId="0"/>
      <p:bldP spid="25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408712" y="1351489"/>
            <a:ext cx="9374576" cy="1701800"/>
          </a:xfrm>
          <a:effectLst/>
        </p:spPr>
        <p:txBody>
          <a:bodyPr anchor="t">
            <a:noAutofit/>
          </a:bodyPr>
          <a:lstStyle/>
          <a:p>
            <a:pPr algn="ctr">
              <a:lnSpc>
                <a:spcPts val="6000"/>
              </a:lnSpc>
            </a:pPr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Directions in Force Build-Up</a:t>
            </a:r>
            <a:endParaRPr lang="he-IL" sz="440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Segoe UI Semibold" panose="020B0702040204020203" pitchFamily="34" charset="0"/>
            </a:endParaRPr>
          </a:p>
        </p:txBody>
      </p:sp>
      <p:pic>
        <p:nvPicPr>
          <p:cNvPr id="11" name="תמונה 4">
            <a:hlinkClick r:id="rId3" action="ppaction://hlinksldjump"/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33838" y="3053289"/>
            <a:ext cx="5711951" cy="345277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696186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>
        <p14:honeycomb/>
      </p:transition>
    </mc:Choice>
    <mc:Fallback xmlns="">
      <p:transition spd="slow">
        <p:fade/>
      </p:transition>
    </mc:Fallback>
  </mc:AlternateContent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988810" y="517185"/>
            <a:ext cx="5770596" cy="5017663"/>
          </a:xfrm>
        </p:spPr>
        <p:txBody>
          <a:bodyPr anchor="t">
            <a:noAutofit/>
          </a:bodyPr>
          <a:lstStyle/>
          <a:p>
            <a:pPr lvl="1" rtl="0"/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imultaneity</a:t>
            </a:r>
            <a:r>
              <a:rPr lang="he-IL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 </a:t>
            </a:r>
            <a:b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</a:br>
            <a:br>
              <a:rPr lang="he-IL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</a:br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Gathering capabilities</a:t>
            </a:r>
            <a:br>
              <a:rPr lang="he-IL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</a:br>
            <a:br>
              <a:rPr lang="he-IL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</a:br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Joint Territorial Capabilities </a:t>
            </a:r>
          </a:p>
        </p:txBody>
      </p:sp>
      <p:pic>
        <p:nvPicPr>
          <p:cNvPr id="4" name="תמונה 3"/>
          <p:cNvPicPr preferRelativeResize="0">
            <a:picLocks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5937" t="6610" r="6288" b="13016"/>
          <a:stretch/>
        </p:blipFill>
        <p:spPr>
          <a:xfrm>
            <a:off x="155575" y="1737288"/>
            <a:ext cx="5518800" cy="450000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925225408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188945" y="1044856"/>
            <a:ext cx="7003055" cy="5537200"/>
          </a:xfrm>
        </p:spPr>
        <p:txBody>
          <a:bodyPr anchor="t">
            <a:noAutofit/>
          </a:bodyPr>
          <a:lstStyle/>
          <a:p>
            <a:pPr lvl="1" rtl="0"/>
            <a:br>
              <a:rPr lang="he-IL" sz="6600" b="1" dirty="0"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Utilization of information in the tactical level</a:t>
            </a:r>
            <a:b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Develop and protect networks</a:t>
            </a:r>
            <a:br>
              <a:rPr lang="he-IL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he-IL" sz="32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he-IL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endParaRPr lang="en-US" sz="520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n-cs"/>
            </a:endParaRPr>
          </a:p>
        </p:txBody>
      </p:sp>
      <p:pic>
        <p:nvPicPr>
          <p:cNvPr id="4" name="תמונה 3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093" y="1819179"/>
            <a:ext cx="4900566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AAFBBA01-7856-49F7-A5F5-75D4D50733BF}"/>
              </a:ext>
            </a:extLst>
          </p:cNvPr>
          <p:cNvSpPr/>
          <p:nvPr/>
        </p:nvSpPr>
        <p:spPr>
          <a:xfrm>
            <a:off x="2551376" y="405878"/>
            <a:ext cx="7834196" cy="92333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5400" b="1" dirty="0">
                <a:latin typeface="Segoe UI Black" panose="020B0A02040204020203" pitchFamily="34" charset="0"/>
                <a:ea typeface="Segoe UI Black" panose="020B0A02040204020203" pitchFamily="34" charset="0"/>
              </a:rPr>
              <a:t>Joint Digital Spectrum</a:t>
            </a:r>
            <a:endParaRPr lang="en-US" sz="54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573126765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957107" y="0"/>
            <a:ext cx="5713749" cy="5537200"/>
          </a:xfrm>
        </p:spPr>
        <p:txBody>
          <a:bodyPr anchor="t">
            <a:noAutofit/>
          </a:bodyPr>
          <a:lstStyle/>
          <a:p>
            <a:pPr algn="l" rtl="0"/>
            <a:br>
              <a:rPr lang="en-US" sz="7200" dirty="0"/>
            </a:br>
            <a:br>
              <a:rPr lang="he-IL" sz="7200" dirty="0"/>
            </a:br>
            <a:br>
              <a:rPr lang="he-IL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r>
              <a:rPr lang="en-US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  <a:t>Advanced Capabilities</a:t>
            </a:r>
            <a:br>
              <a:rPr lang="he-IL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br>
              <a:rPr lang="he-IL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br>
              <a:rPr lang="he-IL" sz="15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Precision and Immunity</a:t>
            </a:r>
            <a:br>
              <a:rPr lang="he-IL" sz="4400" dirty="0">
                <a:solidFill>
                  <a:schemeClr val="tx2"/>
                </a:solidFill>
                <a:cs typeface="+mn-cs"/>
              </a:rPr>
            </a:br>
            <a:br>
              <a:rPr lang="he-IL" sz="1500" dirty="0">
                <a:solidFill>
                  <a:schemeClr val="tx2"/>
                </a:solidFill>
                <a:cs typeface="+mn-cs"/>
              </a:rPr>
            </a:br>
            <a:endParaRPr lang="en-US" sz="4400" dirty="0">
              <a:solidFill>
                <a:schemeClr val="tx2"/>
              </a:solidFill>
              <a:cs typeface="+mn-cs"/>
            </a:endParaRPr>
          </a:p>
        </p:txBody>
      </p:sp>
      <p:pic>
        <p:nvPicPr>
          <p:cNvPr id="5" name="תמונה 4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1904" y="1773056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079E3623-2F25-470A-AA16-853FDCC17A3E}"/>
              </a:ext>
            </a:extLst>
          </p:cNvPr>
          <p:cNvSpPr/>
          <p:nvPr/>
        </p:nvSpPr>
        <p:spPr>
          <a:xfrm>
            <a:off x="1704508" y="398707"/>
            <a:ext cx="6433171" cy="83099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800" b="1" dirty="0">
                <a:latin typeface="Segoe UI Black" panose="020B0A02040204020203" pitchFamily="34" charset="0"/>
                <a:ea typeface="Segoe UI Black" panose="020B0A02040204020203" pitchFamily="34" charset="0"/>
              </a:rPr>
              <a:t>Advanced Munitions</a:t>
            </a:r>
            <a:endParaRPr lang="en-US" sz="48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5456926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33723" y="262143"/>
            <a:ext cx="6580340" cy="1104942"/>
          </a:xfrm>
        </p:spPr>
        <p:txBody>
          <a:bodyPr anchor="t">
            <a:noAutofit/>
          </a:bodyPr>
          <a:lstStyle/>
          <a:p>
            <a:pPr algn="l" rtl="0"/>
            <a:r>
              <a:rPr lang="en-US" sz="80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BMD</a:t>
            </a:r>
          </a:p>
        </p:txBody>
      </p:sp>
      <p:pic>
        <p:nvPicPr>
          <p:cNvPr id="5" name="Picture 166" descr="MLRS2"/>
          <p:cNvPicPr preferRelativeResize="0"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92860" y="2274025"/>
            <a:ext cx="5518800" cy="4077789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כותרת 1">
            <a:extLst>
              <a:ext uri="{FF2B5EF4-FFF2-40B4-BE49-F238E27FC236}">
                <a16:creationId xmlns:a16="http://schemas.microsoft.com/office/drawing/2014/main" id="{241CF0F2-EF76-49DA-9C65-770B6C7D3121}"/>
              </a:ext>
            </a:extLst>
          </p:cNvPr>
          <p:cNvSpPr txBox="1">
            <a:spLocks/>
          </p:cNvSpPr>
          <p:nvPr/>
        </p:nvSpPr>
        <p:spPr>
          <a:xfrm>
            <a:off x="6276596" y="2159305"/>
            <a:ext cx="5713749" cy="5537200"/>
          </a:xfrm>
          <a:prstGeom prst="rect">
            <a:avLst/>
          </a:prstGeom>
        </p:spPr>
        <p:txBody>
          <a:bodyPr vert="horz" lIns="91440" tIns="45720" rIns="91440" bIns="45720" rtlCol="1" anchor="t">
            <a:no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pPr algn="l" rtl="0"/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PGMS</a:t>
            </a:r>
            <a:r>
              <a:rPr lang="he-IL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 </a:t>
            </a:r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and SRBMS</a:t>
            </a:r>
          </a:p>
          <a:p>
            <a:pPr algn="l" rtl="0"/>
            <a:endParaRPr lang="en-US" sz="540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n-cs"/>
            </a:endParaRPr>
          </a:p>
          <a:p>
            <a:pPr algn="l" rtl="0"/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Multiple Launches</a:t>
            </a:r>
            <a:endParaRPr lang="en-US" sz="320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348774465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כותרת 8"/>
          <p:cNvSpPr>
            <a:spLocks noGrp="1"/>
          </p:cNvSpPr>
          <p:nvPr>
            <p:ph type="title"/>
          </p:nvPr>
        </p:nvSpPr>
        <p:spPr>
          <a:xfrm>
            <a:off x="2164890" y="205836"/>
            <a:ext cx="10440598" cy="792162"/>
          </a:xfrm>
        </p:spPr>
        <p:txBody>
          <a:bodyPr>
            <a:normAutofit/>
          </a:bodyPr>
          <a:lstStyle/>
          <a:p>
            <a:pPr algn="l" rtl="0"/>
            <a:r>
              <a:rPr lang="en-US" sz="3200" dirty="0">
                <a:latin typeface="Segoe UI Black" panose="020B0A02040204020203" pitchFamily="34" charset="0"/>
                <a:ea typeface="Segoe UI Black" panose="020B0A02040204020203" pitchFamily="34" charset="0"/>
              </a:rPr>
              <a:t>Strategic </a:t>
            </a:r>
            <a:r>
              <a:rPr lang="en-US" sz="3200" dirty="0" err="1">
                <a:latin typeface="Segoe UI Black" panose="020B0A02040204020203" pitchFamily="34" charset="0"/>
                <a:ea typeface="Segoe UI Black" panose="020B0A02040204020203" pitchFamily="34" charset="0"/>
              </a:rPr>
              <a:t>Assesmnet</a:t>
            </a:r>
            <a:endParaRPr lang="he-IL" sz="32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grpSp>
        <p:nvGrpSpPr>
          <p:cNvPr id="2" name="Group 1"/>
          <p:cNvGrpSpPr/>
          <p:nvPr/>
        </p:nvGrpSpPr>
        <p:grpSpPr>
          <a:xfrm>
            <a:off x="4359813" y="2928193"/>
            <a:ext cx="4057590" cy="2075348"/>
            <a:chOff x="3511296" y="1093488"/>
            <a:chExt cx="5827776" cy="3015216"/>
          </a:xfrm>
        </p:grpSpPr>
        <p:pic>
          <p:nvPicPr>
            <p:cNvPr id="7" name="Picture 2"/>
            <p:cNvPicPr>
              <a:picLocks noChangeAspect="1" noChangeArrowheads="1"/>
            </p:cNvPicPr>
            <p:nvPr/>
          </p:nvPicPr>
          <p:blipFill rotWithShape="1">
            <a:blip r:embed="rId2" cstate="print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brightnessContrast bright="13000" contrast="-56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1733" t="-107" r="14533" b="42414"/>
            <a:stretch/>
          </p:blipFill>
          <p:spPr bwMode="auto">
            <a:xfrm>
              <a:off x="3511296" y="1093488"/>
              <a:ext cx="5827776" cy="301521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sp>
          <p:nvSpPr>
            <p:cNvPr id="18" name="TextBox 17"/>
            <p:cNvSpPr txBox="1"/>
            <p:nvPr/>
          </p:nvSpPr>
          <p:spPr>
            <a:xfrm>
              <a:off x="5517110" y="2666462"/>
              <a:ext cx="185815" cy="447161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l" rtl="0">
                <a:defRPr/>
              </a:pPr>
              <a:endParaRPr lang="he-IL" sz="1400" b="1" dirty="0"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</p:txBody>
        </p:sp>
      </p:grpSp>
      <p:sp>
        <p:nvSpPr>
          <p:cNvPr id="40" name="כותרת 1"/>
          <p:cNvSpPr txBox="1">
            <a:spLocks/>
          </p:cNvSpPr>
          <p:nvPr/>
        </p:nvSpPr>
        <p:spPr bwMode="auto">
          <a:xfrm>
            <a:off x="2044869" y="1004478"/>
            <a:ext cx="10137849" cy="774545"/>
          </a:xfrm>
          <a:prstGeom prst="rect">
            <a:avLst/>
          </a:prstGeom>
          <a:noFill/>
          <a:ln w="28575">
            <a:noFill/>
          </a:ln>
          <a:effectLst/>
        </p:spPr>
        <p:txBody>
          <a:bodyPr vert="horz" wrap="square" lIns="38576" tIns="19289" rIns="38576" bIns="19289" numCol="1" anchor="ctr" anchorCtr="0" compatLnSpc="1">
            <a:prstTxWarp prst="textNoShape">
              <a:avLst/>
            </a:prstTxWarp>
          </a:bodyPr>
          <a:lstStyle>
            <a:defPPr>
              <a:defRPr lang="he-IL"/>
            </a:defPPr>
            <a:lvl1pPr algn="ctr" fontAlgn="base">
              <a:spcBef>
                <a:spcPts val="0"/>
              </a:spcBef>
              <a:spcAft>
                <a:spcPts val="0"/>
              </a:spcAft>
              <a:defRPr b="1">
                <a:solidFill>
                  <a:schemeClr val="bg1"/>
                </a:solidFill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  <a:lvl2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2pPr>
            <a:lvl3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3pPr>
            <a:lvl4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4pPr>
            <a:lvl5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5pPr>
            <a:lvl6pPr marL="4572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6pPr>
            <a:lvl7pPr marL="9144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7pPr>
            <a:lvl8pPr marL="13716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8pPr>
            <a:lvl9pPr marL="18288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9pPr>
          </a:lstStyle>
          <a:p>
            <a:pPr marL="342900" indent="-342900" algn="l" rtl="0"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The Middle east is the arena for Global and Regional Competition</a:t>
            </a:r>
          </a:p>
          <a:p>
            <a:pPr marL="342900" indent="-342900" algn="l" rtl="0"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A rise in affinity</a:t>
            </a:r>
            <a:r>
              <a:rPr lang="he-IL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 </a:t>
            </a: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between the various Arenas and the areas where Israel is Challenged and in Conflict</a:t>
            </a:r>
          </a:p>
        </p:txBody>
      </p:sp>
      <p:grpSp>
        <p:nvGrpSpPr>
          <p:cNvPr id="34" name="קבוצה 33"/>
          <p:cNvGrpSpPr/>
          <p:nvPr/>
        </p:nvGrpSpPr>
        <p:grpSpPr>
          <a:xfrm>
            <a:off x="7282283" y="1883807"/>
            <a:ext cx="3446450" cy="1233574"/>
            <a:chOff x="3061134" y="1799078"/>
            <a:chExt cx="3446450" cy="1233574"/>
          </a:xfrm>
        </p:grpSpPr>
        <p:sp>
          <p:nvSpPr>
            <p:cNvPr id="35" name="Rectangle 46"/>
            <p:cNvSpPr/>
            <p:nvPr/>
          </p:nvSpPr>
          <p:spPr>
            <a:xfrm>
              <a:off x="3061134" y="2039489"/>
              <a:ext cx="3312000" cy="993163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 rtl="0">
                <a:defRPr/>
              </a:pPr>
              <a:r>
                <a:rPr lang="en-US" sz="1400" b="1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Heebo Black"/>
                </a:rPr>
                <a:t>Russia</a:t>
              </a: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A steady presence in the Middle East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Influence on all players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A restraining actor in the area  </a:t>
              </a:r>
            </a:p>
            <a:p>
              <a:pPr algn="just" rtl="0">
                <a:defRPr/>
              </a:pP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algn="just" rtl="0">
                <a:defRPr/>
              </a:pP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</p:txBody>
        </p:sp>
        <p:pic>
          <p:nvPicPr>
            <p:cNvPr id="36" name="Picture 2" descr="\\HRAGATVFS\Agat\public\Hastrategit\המרכז האסטרטגי בחירום\ארכיון\תמונות למצגות\דגלים וסמלים\Russia.gif"/>
            <p:cNvPicPr>
              <a:picLocks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096949" y="1799078"/>
              <a:ext cx="410635" cy="387840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37" name="קבוצה 36"/>
          <p:cNvGrpSpPr/>
          <p:nvPr/>
        </p:nvGrpSpPr>
        <p:grpSpPr>
          <a:xfrm>
            <a:off x="2054152" y="1875780"/>
            <a:ext cx="3497156" cy="1944039"/>
            <a:chOff x="6626554" y="1829707"/>
            <a:chExt cx="3497156" cy="1944039"/>
          </a:xfrm>
        </p:grpSpPr>
        <p:sp>
          <p:nvSpPr>
            <p:cNvPr id="38" name="Rectangle 2"/>
            <p:cNvSpPr/>
            <p:nvPr/>
          </p:nvSpPr>
          <p:spPr>
            <a:xfrm>
              <a:off x="6626554" y="2036386"/>
              <a:ext cx="3312000" cy="1737360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 rtl="0">
                <a:lnSpc>
                  <a:spcPct val="114000"/>
                </a:lnSpc>
                <a:defRPr/>
              </a:pPr>
              <a:r>
                <a:rPr lang="en-US" sz="14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USA</a:t>
              </a: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In an “exit” pattern – declining importance in the ME and Transition to the Pacific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Still is the leading Strategic back rest for Israel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Superpower competition with China and Russia. </a:t>
              </a:r>
            </a:p>
          </p:txBody>
        </p:sp>
        <p:pic>
          <p:nvPicPr>
            <p:cNvPr id="39" name="Picture 3"/>
            <p:cNvPicPr>
              <a:picLocks noChangeAspect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713075" y="1829707"/>
              <a:ext cx="410635" cy="387840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2200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41" name="קבוצה 40"/>
          <p:cNvGrpSpPr/>
          <p:nvPr/>
        </p:nvGrpSpPr>
        <p:grpSpPr>
          <a:xfrm>
            <a:off x="2054151" y="4140426"/>
            <a:ext cx="3497157" cy="1312923"/>
            <a:chOff x="6626554" y="4056787"/>
            <a:chExt cx="3497157" cy="2033769"/>
          </a:xfrm>
        </p:grpSpPr>
        <p:sp>
          <p:nvSpPr>
            <p:cNvPr id="42" name="Rectangle 20"/>
            <p:cNvSpPr/>
            <p:nvPr/>
          </p:nvSpPr>
          <p:spPr>
            <a:xfrm>
              <a:off x="6626554" y="4230593"/>
              <a:ext cx="3312000" cy="1859963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 rtl="0">
                <a:lnSpc>
                  <a:spcPct val="150000"/>
                </a:lnSpc>
                <a:defRPr/>
              </a:pPr>
              <a:r>
                <a:rPr lang="en-US" sz="14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Europe</a:t>
              </a: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An opportunity for a leverage (limited) in foreign relations issues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“Converging in” </a:t>
              </a:r>
            </a:p>
            <a:p>
              <a:pPr marL="171450" indent="-171450" algn="just" rtl="0">
                <a:lnSpc>
                  <a:spcPct val="150000"/>
                </a:lnSpc>
                <a:buFont typeface="Arial" panose="020B0604020202020204" pitchFamily="34" charset="0"/>
                <a:buChar char="•"/>
                <a:defRPr/>
              </a:pPr>
              <a:endParaRPr lang="he-IL" sz="14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  <a:p>
              <a:pPr algn="just" rtl="0">
                <a:lnSpc>
                  <a:spcPct val="150000"/>
                </a:lnSpc>
                <a:defRPr/>
              </a:pPr>
              <a:endParaRPr lang="he-IL" sz="14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pic>
          <p:nvPicPr>
            <p:cNvPr id="43" name="Picture 6" descr="\\hragatvfs\Agat\public\Hastrategit\המרכז האסטרטגי בחירום\תמונות למצגות\דגלים וסמלים\אא.pn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713076" y="4056787"/>
              <a:ext cx="410635" cy="387840"/>
            </a:xfrm>
            <a:prstGeom prst="rect">
              <a:avLst/>
            </a:prstGeom>
            <a:noFill/>
          </p:spPr>
        </p:pic>
      </p:grpSp>
      <p:grpSp>
        <p:nvGrpSpPr>
          <p:cNvPr id="44" name="קבוצה 43"/>
          <p:cNvGrpSpPr/>
          <p:nvPr/>
        </p:nvGrpSpPr>
        <p:grpSpPr>
          <a:xfrm>
            <a:off x="7290253" y="3960109"/>
            <a:ext cx="3312000" cy="1847408"/>
            <a:chOff x="3061134" y="3987637"/>
            <a:chExt cx="3312000" cy="2102919"/>
          </a:xfrm>
        </p:grpSpPr>
        <p:sp>
          <p:nvSpPr>
            <p:cNvPr id="48" name="Rectangle 45"/>
            <p:cNvSpPr/>
            <p:nvPr/>
          </p:nvSpPr>
          <p:spPr>
            <a:xfrm>
              <a:off x="3061134" y="4230593"/>
              <a:ext cx="3312000" cy="1859963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 rtl="0">
                <a:lnSpc>
                  <a:spcPct val="150000"/>
                </a:lnSpc>
                <a:defRPr/>
              </a:pPr>
              <a:endParaRPr lang="en-US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algn="ctr" rtl="0">
                <a:lnSpc>
                  <a:spcPct val="150000"/>
                </a:lnSpc>
                <a:defRPr/>
              </a:pPr>
              <a:r>
                <a:rPr lang="en-US" sz="1400" b="1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Heebo Black"/>
                </a:rPr>
                <a:t>Regional</a:t>
              </a: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Potential for cooperation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Continuous challenge for regime stability (Demographics, Climate, Under-Development) </a:t>
              </a:r>
            </a:p>
          </p:txBody>
        </p:sp>
        <p:grpSp>
          <p:nvGrpSpPr>
            <p:cNvPr id="49" name="Group 7"/>
            <p:cNvGrpSpPr/>
            <p:nvPr/>
          </p:nvGrpSpPr>
          <p:grpSpPr>
            <a:xfrm>
              <a:off x="4429134" y="3987637"/>
              <a:ext cx="1830278" cy="417547"/>
              <a:chOff x="9045460" y="5468025"/>
              <a:chExt cx="1830278" cy="417547"/>
            </a:xfrm>
          </p:grpSpPr>
          <p:pic>
            <p:nvPicPr>
              <p:cNvPr id="50" name="Picture 4" descr="\\hragatvfs\Agat\public\Hastrategit\המרכז האסטרטגי בחירום\ארכיון\תמונות למצגות\דגלים וסמלים\Egypt.gif"/>
              <p:cNvPicPr>
                <a:picLocks noChangeAspect="1" noChangeArrowheads="1"/>
              </p:cNvPicPr>
              <p:nvPr/>
            </p:nvPicPr>
            <p:blipFill>
              <a:blip r:embed="rId7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9045460" y="5476388"/>
                <a:ext cx="402087" cy="409184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1" name="Picture 2" descr="\\HRAGATVFS\Agat\public\Hastrategit\המרכז האסטרטגי בחירום\ארכיון\תמונות למצגות\דגלים וסמלים\Jordan.gif"/>
              <p:cNvPicPr>
                <a:picLocks noChangeAspect="1" noChangeArrowheads="1"/>
              </p:cNvPicPr>
              <p:nvPr/>
            </p:nvPicPr>
            <p:blipFill>
              <a:blip r:embed="rId8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9385356" y="5493577"/>
                <a:ext cx="427248" cy="390766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2" name="תמונה 43"/>
              <p:cNvPicPr>
                <a:picLocks noChangeAspect="1"/>
              </p:cNvPicPr>
              <p:nvPr/>
            </p:nvPicPr>
            <p:blipFill>
              <a:blip r:embed="rId9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10459678" y="5472079"/>
                <a:ext cx="416060" cy="405217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3" name="תמונה 44"/>
              <p:cNvPicPr>
                <a:picLocks noChangeAspect="1"/>
              </p:cNvPicPr>
              <p:nvPr/>
            </p:nvPicPr>
            <p:blipFill>
              <a:blip r:embed="rId10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10086055" y="5468025"/>
                <a:ext cx="414801" cy="417547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4" name="Picture 2" descr="\\HRAGATVFS\Agat\public\Hastrategit\המרכז האסטרטגי בחירום\ארכיון\תמונות למצגות\דגלים וסמלים\Saudi Arabia.gif"/>
              <p:cNvPicPr>
                <a:picLocks noChangeAspect="1" noChangeArrowheads="1"/>
              </p:cNvPicPr>
              <p:nvPr/>
            </p:nvPicPr>
            <p:blipFill>
              <a:blip r:embed="rId11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9707691" y="5471560"/>
                <a:ext cx="409261" cy="406948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</p:grpSp>
      </p:grpSp>
    </p:spTree>
    <p:extLst>
      <p:ext uri="{BB962C8B-B14F-4D97-AF65-F5344CB8AC3E}">
        <p14:creationId xmlns:p14="http://schemas.microsoft.com/office/powerpoint/2010/main" val="141061882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589718" y="248171"/>
            <a:ext cx="10446707" cy="5537200"/>
          </a:xfrm>
        </p:spPr>
        <p:txBody>
          <a:bodyPr anchor="t">
            <a:noAutofit/>
          </a:bodyPr>
          <a:lstStyle/>
          <a:p>
            <a:pPr lvl="0" algn="l" rtl="0"/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Enhance Technological Capabilities to the tactical end-user</a:t>
            </a:r>
          </a:p>
        </p:txBody>
      </p:sp>
      <p:sp>
        <p:nvSpPr>
          <p:cNvPr id="6" name="מלבן 5"/>
          <p:cNvSpPr/>
          <p:nvPr/>
        </p:nvSpPr>
        <p:spPr>
          <a:xfrm>
            <a:off x="155575" y="1737288"/>
            <a:ext cx="5518800" cy="4500000"/>
          </a:xfrm>
          <a:prstGeom prst="rect">
            <a:avLst/>
          </a:prstGeom>
          <a:blipFill rotWithShape="1">
            <a:blip r:embed="rId2"/>
            <a:srcRect/>
            <a:stretch>
              <a:fillRect l="-14589" t="-5065" r="-14258" b="-8719"/>
            </a:stretch>
          </a:blipFill>
        </p:spPr>
        <p:style>
          <a:lnRef idx="0">
            <a:schemeClr val="accen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1">
              <a:tint val="40000"/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</p:sp>
      <p:sp>
        <p:nvSpPr>
          <p:cNvPr id="4" name="כותרת 1">
            <a:extLst>
              <a:ext uri="{FF2B5EF4-FFF2-40B4-BE49-F238E27FC236}">
                <a16:creationId xmlns:a16="http://schemas.microsoft.com/office/drawing/2014/main" id="{3CECACA7-B0C3-4CDC-BAA1-8986F9ECAB3E}"/>
              </a:ext>
            </a:extLst>
          </p:cNvPr>
          <p:cNvSpPr txBox="1">
            <a:spLocks/>
          </p:cNvSpPr>
          <p:nvPr/>
        </p:nvSpPr>
        <p:spPr>
          <a:xfrm>
            <a:off x="6096000" y="468508"/>
            <a:ext cx="5713749" cy="5537200"/>
          </a:xfrm>
          <a:prstGeom prst="rect">
            <a:avLst/>
          </a:prstGeom>
        </p:spPr>
        <p:txBody>
          <a:bodyPr vert="horz" lIns="91440" tIns="45720" rIns="91440" bIns="45720" rtlCol="1" anchor="t">
            <a:no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pPr algn="l" rtl="0"/>
            <a:br>
              <a:rPr lang="en-US" sz="7200" dirty="0"/>
            </a:br>
            <a:br>
              <a:rPr lang="en-US" sz="7200" dirty="0"/>
            </a:br>
            <a:b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r>
              <a:rPr lang="en-US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  <a:t>Connectivity</a:t>
            </a:r>
            <a:br>
              <a:rPr lang="en-US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br>
              <a:rPr lang="en-US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br>
              <a:rPr lang="en-US" sz="15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Bandwidth </a:t>
            </a:r>
            <a:br>
              <a:rPr lang="en-US" sz="4400" dirty="0">
                <a:solidFill>
                  <a:schemeClr val="tx2"/>
                </a:solidFill>
                <a:cs typeface="+mn-cs"/>
              </a:rPr>
            </a:br>
            <a:br>
              <a:rPr lang="en-US" sz="1500" dirty="0">
                <a:solidFill>
                  <a:schemeClr val="tx2"/>
                </a:solidFill>
                <a:cs typeface="+mn-cs"/>
              </a:rPr>
            </a:br>
            <a:endParaRPr lang="en-US" sz="4400" dirty="0">
              <a:solidFill>
                <a:schemeClr val="tx2"/>
              </a:solidFill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251483113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407090" y="133928"/>
            <a:ext cx="10784910" cy="5537200"/>
          </a:xfrm>
        </p:spPr>
        <p:txBody>
          <a:bodyPr anchor="t">
            <a:noAutofit/>
          </a:bodyPr>
          <a:lstStyle/>
          <a:p>
            <a:pPr algn="l" rtl="0">
              <a:spcAft>
                <a:spcPts val="600"/>
              </a:spcAft>
            </a:pPr>
            <a:r>
              <a:rPr lang="en-US" sz="48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Systemic immunity and survivability</a:t>
            </a:r>
            <a:br>
              <a:rPr lang="en-US" sz="48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en-US" sz="48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he-IL" sz="48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he-IL" sz="48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endParaRPr lang="en-US" sz="480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n-cs"/>
            </a:endParaRPr>
          </a:p>
        </p:txBody>
      </p:sp>
      <p:pic>
        <p:nvPicPr>
          <p:cNvPr id="4" name="תמונה 3" descr="C:\Users\s8404583\AppData\Local\Microsoft\Windows\Temporary Internet Files\Content.Outlook\G8MULJM1\IMG-20181113-WA0018.jpg"/>
          <p:cNvPicPr preferRelativeResize="0">
            <a:picLocks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7732" t="37687" r="11342" b="37644"/>
          <a:stretch/>
        </p:blipFill>
        <p:spPr bwMode="auto">
          <a:xfrm>
            <a:off x="155575" y="1737288"/>
            <a:ext cx="5518800" cy="4500000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57FB3813-C200-431F-8FF3-27975DE4EBF7}"/>
              </a:ext>
            </a:extLst>
          </p:cNvPr>
          <p:cNvSpPr/>
          <p:nvPr/>
        </p:nvSpPr>
        <p:spPr>
          <a:xfrm>
            <a:off x="5938257" y="1796467"/>
            <a:ext cx="6098167" cy="41577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571500" indent="-571500" algn="l" rtl="0">
              <a:lnSpc>
                <a:spcPct val="150000"/>
              </a:lnSpc>
              <a:buFont typeface="Wingdings" panose="05000000000000000000" pitchFamily="2" charset="2"/>
              <a:buChar char="q"/>
            </a:pPr>
            <a:r>
              <a:rPr lang="en-US" sz="36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Robust Survivability </a:t>
            </a:r>
          </a:p>
          <a:p>
            <a:pPr marL="571500" indent="-571500" algn="l" rtl="0">
              <a:lnSpc>
                <a:spcPct val="150000"/>
              </a:lnSpc>
              <a:buFont typeface="Wingdings" panose="05000000000000000000" pitchFamily="2" charset="2"/>
              <a:buChar char="q"/>
            </a:pPr>
            <a:r>
              <a:rPr lang="en-US" sz="36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ATGMS threats </a:t>
            </a:r>
          </a:p>
          <a:p>
            <a:pPr marL="571500" indent="-571500" algn="l" rtl="0">
              <a:lnSpc>
                <a:spcPct val="150000"/>
              </a:lnSpc>
              <a:buFont typeface="Wingdings" panose="05000000000000000000" pitchFamily="2" charset="2"/>
              <a:buChar char="q"/>
            </a:pPr>
            <a:r>
              <a:rPr lang="en-US" sz="36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Cyber and EW protection for critical capabilities</a:t>
            </a:r>
            <a:endParaRPr lang="en-US" sz="3600" dirty="0"/>
          </a:p>
        </p:txBody>
      </p:sp>
    </p:spTree>
    <p:extLst>
      <p:ext uri="{BB962C8B-B14F-4D97-AF65-F5344CB8AC3E}">
        <p14:creationId xmlns:p14="http://schemas.microsoft.com/office/powerpoint/2010/main" val="2113422939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6410744" y="1737288"/>
            <a:ext cx="5625681" cy="5874708"/>
          </a:xfrm>
        </p:spPr>
        <p:txBody>
          <a:bodyPr anchor="t">
            <a:noAutofit/>
          </a:bodyPr>
          <a:lstStyle/>
          <a:p>
            <a:pPr algn="l" rtl="0">
              <a:lnSpc>
                <a:spcPct val="150000"/>
              </a:lnSpc>
            </a:pPr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Autonomous Automation and Robotics</a:t>
            </a:r>
            <a:r>
              <a:rPr lang="he-IL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 </a:t>
            </a:r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in the Battlefield</a:t>
            </a:r>
            <a:endParaRPr lang="he-IL" sz="4800" spc="-15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pic>
        <p:nvPicPr>
          <p:cNvPr id="26" name="תמונה 25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</p:spTree>
    <p:extLst>
      <p:ext uri="{BB962C8B-B14F-4D97-AF65-F5344CB8AC3E}">
        <p14:creationId xmlns:p14="http://schemas.microsoft.com/office/powerpoint/2010/main" val="938843607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C13D016D-D6C8-4F45-9AB1-3EC716D0A949}"/>
              </a:ext>
            </a:extLst>
          </p:cNvPr>
          <p:cNvSpPr/>
          <p:nvPr/>
        </p:nvSpPr>
        <p:spPr>
          <a:xfrm>
            <a:off x="5674375" y="2094462"/>
            <a:ext cx="6885690" cy="378565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Leap in Data Science and AI to maximize and utilize the information and capabilities in the IDF</a:t>
            </a:r>
          </a:p>
        </p:txBody>
      </p:sp>
      <p:sp>
        <p:nvSpPr>
          <p:cNvPr id="6" name="Title 5">
            <a:extLst>
              <a:ext uri="{FF2B5EF4-FFF2-40B4-BE49-F238E27FC236}">
                <a16:creationId xmlns:a16="http://schemas.microsoft.com/office/drawing/2014/main" id="{D5B8FFBD-0E6A-4A76-8F65-0C7BB5BE2D6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32856136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5" name="Rectangle 4">
            <a:extLst>
              <a:ext uri="{FF2B5EF4-FFF2-40B4-BE49-F238E27FC236}">
                <a16:creationId xmlns:a16="http://schemas.microsoft.com/office/drawing/2014/main" id="{A50D36CD-EDC4-4B9D-924F-7F2B2A7E58FE}"/>
              </a:ext>
            </a:extLst>
          </p:cNvPr>
          <p:cNvSpPr/>
          <p:nvPr/>
        </p:nvSpPr>
        <p:spPr>
          <a:xfrm>
            <a:off x="5674375" y="2094462"/>
            <a:ext cx="6885690" cy="31393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sz="66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Utilize the “world” of sensors and IOT</a:t>
            </a:r>
          </a:p>
        </p:txBody>
      </p:sp>
      <p:sp>
        <p:nvSpPr>
          <p:cNvPr id="7" name="Title 6">
            <a:extLst>
              <a:ext uri="{FF2B5EF4-FFF2-40B4-BE49-F238E27FC236}">
                <a16:creationId xmlns:a16="http://schemas.microsoft.com/office/drawing/2014/main" id="{4E6E25B3-A6A2-4F79-AB14-C3D832ECF7F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9431906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תמונה 4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4" name="Rectangle 3">
            <a:extLst>
              <a:ext uri="{FF2B5EF4-FFF2-40B4-BE49-F238E27FC236}">
                <a16:creationId xmlns:a16="http://schemas.microsoft.com/office/drawing/2014/main" id="{FBAF901A-7EFE-409F-A6CB-FFA09CB4CB31}"/>
              </a:ext>
            </a:extLst>
          </p:cNvPr>
          <p:cNvSpPr/>
          <p:nvPr/>
        </p:nvSpPr>
        <p:spPr>
          <a:xfrm>
            <a:off x="6096000" y="3156291"/>
            <a:ext cx="6885690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Utilize the SPACE</a:t>
            </a:r>
          </a:p>
        </p:txBody>
      </p:sp>
      <p:sp>
        <p:nvSpPr>
          <p:cNvPr id="6" name="Title 5">
            <a:extLst>
              <a:ext uri="{FF2B5EF4-FFF2-40B4-BE49-F238E27FC236}">
                <a16:creationId xmlns:a16="http://schemas.microsoft.com/office/drawing/2014/main" id="{D4A5C2BF-239C-4A20-B766-496DD7B62DE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90490216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2915683" y="444853"/>
            <a:ext cx="7640876" cy="5537200"/>
          </a:xfrm>
        </p:spPr>
        <p:txBody>
          <a:bodyPr anchor="t">
            <a:noAutofit/>
          </a:bodyPr>
          <a:lstStyle/>
          <a:p>
            <a:pPr lvl="0" algn="ctr"/>
            <a:r>
              <a:rPr lang="en-US" sz="60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Spectrum and EW</a:t>
            </a:r>
          </a:p>
        </p:txBody>
      </p:sp>
      <p:pic>
        <p:nvPicPr>
          <p:cNvPr id="4" name="Picture 6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7078" y="1737153"/>
            <a:ext cx="5517211" cy="4500135"/>
          </a:xfrm>
          <a:prstGeom prst="rect">
            <a:avLst/>
          </a:prstGeom>
        </p:spPr>
      </p:pic>
      <p:sp>
        <p:nvSpPr>
          <p:cNvPr id="5" name="Rectangle 4">
            <a:extLst>
              <a:ext uri="{FF2B5EF4-FFF2-40B4-BE49-F238E27FC236}">
                <a16:creationId xmlns:a16="http://schemas.microsoft.com/office/drawing/2014/main" id="{C17C4A89-F145-40B9-99CF-354D9F02F446}"/>
              </a:ext>
            </a:extLst>
          </p:cNvPr>
          <p:cNvSpPr/>
          <p:nvPr/>
        </p:nvSpPr>
        <p:spPr>
          <a:xfrm>
            <a:off x="6007865" y="2196401"/>
            <a:ext cx="5405610" cy="378565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Utilize Spectrum arena </a:t>
            </a:r>
          </a:p>
          <a:p>
            <a:pPr algn="l" rtl="0"/>
            <a:endParaRPr lang="en-US" sz="4800" spc="-15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j-cs"/>
            </a:endParaRPr>
          </a:p>
          <a:p>
            <a:pPr algn="l" rtl="0"/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GNSS jamming </a:t>
            </a:r>
            <a:r>
              <a:rPr lang="en-US" sz="4800" spc="-150" dirty="0" err="1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challange</a:t>
            </a:r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2657990650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761016" y="1218688"/>
            <a:ext cx="8417491" cy="5537200"/>
          </a:xfrm>
        </p:spPr>
        <p:txBody>
          <a:bodyPr anchor="t">
            <a:noAutofit/>
          </a:bodyPr>
          <a:lstStyle/>
          <a:p>
            <a:pPr lvl="1" algn="l" rtl="0"/>
            <a:br>
              <a:rPr lang="he-IL" sz="4800" kern="12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</a:br>
            <a:br>
              <a:rPr lang="he-IL" sz="4800" kern="12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</a:br>
            <a:r>
              <a:rPr lang="en-US" sz="4800" kern="12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Ground and Air</a:t>
            </a:r>
            <a:br>
              <a:rPr lang="he-IL" sz="4800" kern="12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</a:br>
            <a:br>
              <a:rPr lang="he-IL" sz="4800" kern="12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</a:br>
            <a:endParaRPr lang="en-US" sz="4800" kern="1200" spc="-15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j-cs"/>
            </a:endParaRPr>
          </a:p>
        </p:txBody>
      </p:sp>
      <p:pic>
        <p:nvPicPr>
          <p:cNvPr id="3" name="תמונה 2"/>
          <p:cNvPicPr preferRelativeResize="0">
            <a:picLocks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4" name="Rectangle 3">
            <a:extLst>
              <a:ext uri="{FF2B5EF4-FFF2-40B4-BE49-F238E27FC236}">
                <a16:creationId xmlns:a16="http://schemas.microsoft.com/office/drawing/2014/main" id="{91F98A26-7814-44DD-BC05-1D50375F46B4}"/>
              </a:ext>
            </a:extLst>
          </p:cNvPr>
          <p:cNvSpPr/>
          <p:nvPr/>
        </p:nvSpPr>
        <p:spPr>
          <a:xfrm>
            <a:off x="1948766" y="319856"/>
            <a:ext cx="8603637" cy="70788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0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Directed Energy and Laser Weapons</a:t>
            </a:r>
            <a:endParaRPr lang="en-US" sz="4000" dirty="0"/>
          </a:p>
        </p:txBody>
      </p:sp>
    </p:spTree>
    <p:extLst>
      <p:ext uri="{BB962C8B-B14F-4D97-AF65-F5344CB8AC3E}">
        <p14:creationId xmlns:p14="http://schemas.microsoft.com/office/powerpoint/2010/main" val="3578947825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8" name="תמונה 47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880" r="10147"/>
          <a:stretch/>
        </p:blipFill>
        <p:spPr>
          <a:xfrm>
            <a:off x="383337" y="2142257"/>
            <a:ext cx="3734761" cy="2349151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pic>
        <p:nvPicPr>
          <p:cNvPr id="46" name="תמונה 45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134" r="11787"/>
          <a:stretch/>
        </p:blipFill>
        <p:spPr>
          <a:xfrm>
            <a:off x="4269820" y="2144022"/>
            <a:ext cx="3733765" cy="2363562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pic>
        <p:nvPicPr>
          <p:cNvPr id="47" name="תמונה 46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55306" y="2142258"/>
            <a:ext cx="3698590" cy="2349151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pic>
        <p:nvPicPr>
          <p:cNvPr id="1026" name="Picture 2" descr="Cyber security premium icon" hidden="1">
            <a:extLst>
              <a:ext uri="{FF2B5EF4-FFF2-40B4-BE49-F238E27FC236}">
                <a16:creationId xmlns:a16="http://schemas.microsoft.com/office/drawing/2014/main" id="{D76B7372-758F-468E-A1F2-E307E28C39F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51040" y="809773"/>
            <a:ext cx="731520" cy="7315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תמונה 7" hidden="1">
            <a:extLst>
              <a:ext uri="{FF2B5EF4-FFF2-40B4-BE49-F238E27FC236}">
                <a16:creationId xmlns:a16="http://schemas.microsoft.com/office/drawing/2014/main" id="{87B659D7-5887-4591-B836-30160F6478B7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59120" y="809773"/>
            <a:ext cx="731520" cy="731520"/>
          </a:xfrm>
          <a:prstGeom prst="rect">
            <a:avLst/>
          </a:prstGeom>
        </p:spPr>
      </p:pic>
      <p:pic>
        <p:nvPicPr>
          <p:cNvPr id="1030" name="Picture 6" descr="Artificial intelligence premium icon" hidden="1">
            <a:extLst>
              <a:ext uri="{FF2B5EF4-FFF2-40B4-BE49-F238E27FC236}">
                <a16:creationId xmlns:a16="http://schemas.microsoft.com/office/drawing/2014/main" id="{CCB701E9-DF67-43CF-8D25-C9EDC7A6ABC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1340" y="1851660"/>
            <a:ext cx="909320" cy="9093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2" name="Picture 8" descr="Distributed premium icon" hidden="1">
            <a:extLst>
              <a:ext uri="{FF2B5EF4-FFF2-40B4-BE49-F238E27FC236}">
                <a16:creationId xmlns:a16="http://schemas.microsoft.com/office/drawing/2014/main" id="{AC7FC572-E2E3-42FE-8CBD-E7233588557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51040" y="1940560"/>
            <a:ext cx="731520" cy="7315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תמונה 9" hidden="1">
            <a:extLst>
              <a:ext uri="{FF2B5EF4-FFF2-40B4-BE49-F238E27FC236}">
                <a16:creationId xmlns:a16="http://schemas.microsoft.com/office/drawing/2014/main" id="{6DCA8B61-2490-4B50-B44C-E194ACE0A69D}"/>
              </a:ext>
            </a:extLst>
          </p:cNvPr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12590" y="760548"/>
            <a:ext cx="780745" cy="780745"/>
          </a:xfrm>
          <a:prstGeom prst="rect">
            <a:avLst/>
          </a:prstGeom>
        </p:spPr>
      </p:pic>
      <p:sp>
        <p:nvSpPr>
          <p:cNvPr id="93" name="מלבן 92"/>
          <p:cNvSpPr/>
          <p:nvPr/>
        </p:nvSpPr>
        <p:spPr>
          <a:xfrm>
            <a:off x="4280841" y="3855863"/>
            <a:ext cx="3722744" cy="635546"/>
          </a:xfrm>
          <a:prstGeom prst="rect">
            <a:avLst/>
          </a:prstGeom>
          <a:solidFill>
            <a:srgbClr val="1F4E5F">
              <a:alpha val="7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b="1" dirty="0">
                <a:solidFill>
                  <a:schemeClr val="bg1"/>
                </a:solidFill>
                <a:latin typeface="Segoe UI Semilight" panose="020B0402040204020203" pitchFamily="34" charset="0"/>
              </a:rPr>
              <a:t>Human Capita</a:t>
            </a:r>
            <a:endParaRPr lang="he-IL" sz="2400" b="1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96" name="מלבן 95"/>
          <p:cNvSpPr/>
          <p:nvPr/>
        </p:nvSpPr>
        <p:spPr>
          <a:xfrm>
            <a:off x="8155306" y="3857313"/>
            <a:ext cx="3710607" cy="651390"/>
          </a:xfrm>
          <a:prstGeom prst="rect">
            <a:avLst/>
          </a:prstGeom>
          <a:solidFill>
            <a:srgbClr val="1F4E5F">
              <a:alpha val="7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lvl="0" algn="ctr">
              <a:defRPr/>
            </a:pPr>
            <a:r>
              <a:rPr lang="en-US" sz="2400" b="1" dirty="0">
                <a:solidFill>
                  <a:schemeClr val="bg1"/>
                </a:solidFill>
                <a:latin typeface="Segoe UI Semilight" panose="020B0402040204020203" pitchFamily="34" charset="0"/>
              </a:rPr>
              <a:t>Cooperation</a:t>
            </a:r>
            <a:endParaRPr lang="he-IL" b="1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01" name="מלבן 100"/>
          <p:cNvSpPr/>
          <p:nvPr/>
        </p:nvSpPr>
        <p:spPr>
          <a:xfrm>
            <a:off x="395355" y="3872042"/>
            <a:ext cx="3722744" cy="635546"/>
          </a:xfrm>
          <a:prstGeom prst="rect">
            <a:avLst/>
          </a:prstGeom>
          <a:solidFill>
            <a:srgbClr val="1F4E5F">
              <a:alpha val="7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b="1" dirty="0">
                <a:solidFill>
                  <a:schemeClr val="bg1"/>
                </a:solidFill>
                <a:latin typeface="Segoe UI Semilight" panose="020B0402040204020203" pitchFamily="34" charset="0"/>
              </a:rPr>
              <a:t>Next Potential…? </a:t>
            </a:r>
            <a:endParaRPr lang="he-IL" sz="2400" b="1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03164479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7" name="Group 1"/>
          <p:cNvGrpSpPr/>
          <p:nvPr/>
        </p:nvGrpSpPr>
        <p:grpSpPr>
          <a:xfrm>
            <a:off x="4359813" y="2928193"/>
            <a:ext cx="4057590" cy="2075348"/>
            <a:chOff x="3511296" y="1093488"/>
            <a:chExt cx="5827776" cy="3015216"/>
          </a:xfrm>
        </p:grpSpPr>
        <p:pic>
          <p:nvPicPr>
            <p:cNvPr id="68" name="Picture 2"/>
            <p:cNvPicPr>
              <a:picLocks noChangeAspect="1" noChangeArrowheads="1"/>
            </p:cNvPicPr>
            <p:nvPr/>
          </p:nvPicPr>
          <p:blipFill rotWithShape="1">
            <a:blip r:embed="rId2" cstate="print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brightnessContrast bright="13000" contrast="-56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1733" t="-107" r="14533" b="42414"/>
            <a:stretch/>
          </p:blipFill>
          <p:spPr bwMode="auto">
            <a:xfrm>
              <a:off x="3511296" y="1093488"/>
              <a:ext cx="5827776" cy="301521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sp>
          <p:nvSpPr>
            <p:cNvPr id="69" name="TextBox 68"/>
            <p:cNvSpPr txBox="1"/>
            <p:nvPr/>
          </p:nvSpPr>
          <p:spPr>
            <a:xfrm>
              <a:off x="5517110" y="2666462"/>
              <a:ext cx="185815" cy="380086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r">
                <a:defRPr/>
              </a:pPr>
              <a:endParaRPr lang="he-IL" sz="1100" b="1" dirty="0">
                <a:solidFill>
                  <a:srgbClr val="951E1E"/>
                </a:solidFill>
                <a:latin typeface="Guttman Hatzvi" panose="02010401010101010101" pitchFamily="2" charset="-79"/>
                <a:cs typeface="+mj-cs"/>
              </a:endParaRPr>
            </a:p>
          </p:txBody>
        </p:sp>
      </p:grpSp>
      <p:grpSp>
        <p:nvGrpSpPr>
          <p:cNvPr id="70" name="קבוצה 69"/>
          <p:cNvGrpSpPr/>
          <p:nvPr/>
        </p:nvGrpSpPr>
        <p:grpSpPr>
          <a:xfrm>
            <a:off x="270946" y="4097200"/>
            <a:ext cx="4965489" cy="2248080"/>
            <a:chOff x="1025853" y="4135457"/>
            <a:chExt cx="4965489" cy="2248080"/>
          </a:xfrm>
        </p:grpSpPr>
        <p:sp>
          <p:nvSpPr>
            <p:cNvPr id="71" name="Rectangle 45"/>
            <p:cNvSpPr/>
            <p:nvPr/>
          </p:nvSpPr>
          <p:spPr>
            <a:xfrm>
              <a:off x="1031327" y="5098033"/>
              <a:ext cx="3240000" cy="1285504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lvl="2" algn="ctr" rtl="0">
                <a:spcBef>
                  <a:spcPts val="300"/>
                </a:spcBef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PALESTINIANS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Deletion of restraints</a:t>
              </a:r>
              <a:r>
                <a:rPr lang="he-IL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 </a:t>
              </a: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in Gaza and escalation potential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root problems that drag instability in Gaza and Judea and Samaria </a:t>
              </a:r>
            </a:p>
          </p:txBody>
        </p:sp>
        <p:pic>
          <p:nvPicPr>
            <p:cNvPr id="72" name="Picture 4" descr="תמונה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BEBA8EAE-BF5A-486C-A8C5-ECC9F3942E4B}">
                  <a14:imgProps xmlns:a14="http://schemas.microsoft.com/office/drawing/2010/main">
                    <a14:imgLayer r:embed="rId5">
                      <a14:imgEffect>
                        <a14:backgroundRemoval t="10000" b="90000" l="10000" r="9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25853" y="4666403"/>
              <a:ext cx="691286" cy="66937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3" name="תמונה 32"/>
            <p:cNvPicPr>
              <a:picLocks noChangeAspect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585320" y="4911909"/>
              <a:ext cx="458819" cy="532815"/>
            </a:xfrm>
            <a:prstGeom prst="rect">
              <a:avLst/>
            </a:prstGeom>
          </p:spPr>
        </p:pic>
        <p:cxnSp>
          <p:nvCxnSpPr>
            <p:cNvPr id="74" name="Elbow Connector 31"/>
            <p:cNvCxnSpPr/>
            <p:nvPr/>
          </p:nvCxnSpPr>
          <p:spPr>
            <a:xfrm flipV="1">
              <a:off x="4271132" y="4135457"/>
              <a:ext cx="1720210" cy="1200325"/>
            </a:xfrm>
            <a:prstGeom prst="bentConnector3">
              <a:avLst>
                <a:gd name="adj1" fmla="val 100334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5" name="Straight Connector 27"/>
            <p:cNvCxnSpPr/>
            <p:nvPr/>
          </p:nvCxnSpPr>
          <p:spPr>
            <a:xfrm flipH="1" flipV="1">
              <a:off x="5882300" y="4229797"/>
              <a:ext cx="109042" cy="13180"/>
            </a:xfrm>
            <a:prstGeom prst="line">
              <a:avLst/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77" name="קבוצה 76"/>
          <p:cNvGrpSpPr/>
          <p:nvPr/>
        </p:nvGrpSpPr>
        <p:grpSpPr>
          <a:xfrm>
            <a:off x="6229557" y="4023178"/>
            <a:ext cx="5719834" cy="1399380"/>
            <a:chOff x="1853134" y="3255624"/>
            <a:chExt cx="5719834" cy="1399380"/>
          </a:xfrm>
        </p:grpSpPr>
        <p:cxnSp>
          <p:nvCxnSpPr>
            <p:cNvPr id="78" name="Elbow Connector 28"/>
            <p:cNvCxnSpPr>
              <a:stCxn id="79" idx="1"/>
            </p:cNvCxnSpPr>
            <p:nvPr/>
          </p:nvCxnSpPr>
          <p:spPr>
            <a:xfrm rot="10800000">
              <a:off x="1853134" y="3290630"/>
              <a:ext cx="2479835" cy="779577"/>
            </a:xfrm>
            <a:prstGeom prst="bentConnector3">
              <a:avLst>
                <a:gd name="adj1" fmla="val 98947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9" name="Rectangle 20"/>
            <p:cNvSpPr/>
            <p:nvPr/>
          </p:nvSpPr>
          <p:spPr>
            <a:xfrm>
              <a:off x="4332968" y="3485407"/>
              <a:ext cx="3240000" cy="1169597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r>
                <a:rPr lang="en-US" sz="1400" b="1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Heebo Black"/>
                </a:rPr>
                <a:t>IRAQ</a:t>
              </a: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Direct Iran threat from “2nd circle”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Iran influence on political arena</a:t>
              </a:r>
            </a:p>
          </p:txBody>
        </p:sp>
        <p:pic>
          <p:nvPicPr>
            <p:cNvPr id="80" name="תמונה 36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046104" y="3255624"/>
              <a:ext cx="391688" cy="363084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81" name="קבוצה 80"/>
          <p:cNvGrpSpPr/>
          <p:nvPr/>
        </p:nvGrpSpPr>
        <p:grpSpPr>
          <a:xfrm>
            <a:off x="7048409" y="2198762"/>
            <a:ext cx="4900982" cy="1629638"/>
            <a:chOff x="6053048" y="2644045"/>
            <a:chExt cx="4900982" cy="1629638"/>
          </a:xfrm>
        </p:grpSpPr>
        <p:cxnSp>
          <p:nvCxnSpPr>
            <p:cNvPr id="82" name="Elbow Connector 29"/>
            <p:cNvCxnSpPr>
              <a:stCxn id="83" idx="1"/>
            </p:cNvCxnSpPr>
            <p:nvPr/>
          </p:nvCxnSpPr>
          <p:spPr>
            <a:xfrm rot="10800000" flipV="1">
              <a:off x="6053048" y="3543069"/>
              <a:ext cx="1660983" cy="678050"/>
            </a:xfrm>
            <a:prstGeom prst="bentConnector3">
              <a:avLst>
                <a:gd name="adj1" fmla="val 50000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83" name="Rectangle 2"/>
            <p:cNvSpPr/>
            <p:nvPr/>
          </p:nvSpPr>
          <p:spPr>
            <a:xfrm>
              <a:off x="7714030" y="2812454"/>
              <a:ext cx="3240000" cy="1461229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lvl="2" algn="ctr" rtl="0">
                <a:spcBef>
                  <a:spcPts val="300"/>
                </a:spcBef>
                <a:defRPr/>
              </a:pPr>
              <a:r>
                <a:rPr lang="en-US" sz="2000" b="1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Heebo Black"/>
                </a:rPr>
                <a:t>Iran</a:t>
              </a:r>
              <a:endParaRPr lang="he-IL" sz="20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Long lasting strategic competition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Potential for a Nuclear turning point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Direct Friction </a:t>
              </a:r>
            </a:p>
          </p:txBody>
        </p:sp>
        <p:pic>
          <p:nvPicPr>
            <p:cNvPr id="84" name="תמונה 25"/>
            <p:cNvPicPr>
              <a:picLocks noChangeAspect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939277" y="2644045"/>
              <a:ext cx="411271" cy="396049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85" name="קבוצה 84"/>
          <p:cNvGrpSpPr/>
          <p:nvPr/>
        </p:nvGrpSpPr>
        <p:grpSpPr>
          <a:xfrm>
            <a:off x="265089" y="2112816"/>
            <a:ext cx="5366968" cy="1538897"/>
            <a:chOff x="4389018" y="1317592"/>
            <a:chExt cx="5366968" cy="1538897"/>
          </a:xfrm>
        </p:grpSpPr>
        <p:cxnSp>
          <p:nvCxnSpPr>
            <p:cNvPr id="86" name="Elbow Connector 10"/>
            <p:cNvCxnSpPr>
              <a:stCxn id="87" idx="3"/>
            </p:cNvCxnSpPr>
            <p:nvPr/>
          </p:nvCxnSpPr>
          <p:spPr>
            <a:xfrm>
              <a:off x="7629018" y="1954427"/>
              <a:ext cx="2126968" cy="902062"/>
            </a:xfrm>
            <a:prstGeom prst="bentConnector3">
              <a:avLst>
                <a:gd name="adj1" fmla="val 100219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87" name="Rectangle 46"/>
            <p:cNvSpPr/>
            <p:nvPr/>
          </p:nvSpPr>
          <p:spPr>
            <a:xfrm>
              <a:off x="4389018" y="1403538"/>
              <a:ext cx="3240000" cy="1101777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lvl="2" algn="ctr" rtl="0">
                <a:spcBef>
                  <a:spcPts val="300"/>
                </a:spcBef>
                <a:defRPr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SYRIA</a:t>
              </a:r>
              <a:endParaRPr lang="he-IL" sz="12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Stabilization, gaining sovereignty, long recovery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Russian presence – Restraining and challenging power</a:t>
              </a:r>
            </a:p>
          </p:txBody>
        </p:sp>
        <p:pic>
          <p:nvPicPr>
            <p:cNvPr id="88" name="Picture 2" descr="\\HRAGATVFS\Agat\public\Hastrategit\המרכז האסטרטגי בחירום\ארכיון\תמונות למצגות\דגלים וסמלים\Syria.gif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006632" y="1317592"/>
              <a:ext cx="393534" cy="367908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89" name="קבוצה 88"/>
          <p:cNvGrpSpPr/>
          <p:nvPr/>
        </p:nvGrpSpPr>
        <p:grpSpPr>
          <a:xfrm>
            <a:off x="276420" y="3362109"/>
            <a:ext cx="4960015" cy="1290868"/>
            <a:chOff x="1043189" y="1921069"/>
            <a:chExt cx="4960015" cy="1290868"/>
          </a:xfrm>
        </p:grpSpPr>
        <p:cxnSp>
          <p:nvCxnSpPr>
            <p:cNvPr id="90" name="Elbow Connector 30"/>
            <p:cNvCxnSpPr>
              <a:stCxn id="91" idx="3"/>
            </p:cNvCxnSpPr>
            <p:nvPr/>
          </p:nvCxnSpPr>
          <p:spPr>
            <a:xfrm flipV="1">
              <a:off x="4283189" y="2387360"/>
              <a:ext cx="1720015" cy="273689"/>
            </a:xfrm>
            <a:prstGeom prst="bentConnector3">
              <a:avLst>
                <a:gd name="adj1" fmla="val 131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91" name="Rectangle 44"/>
            <p:cNvSpPr/>
            <p:nvPr/>
          </p:nvSpPr>
          <p:spPr>
            <a:xfrm>
              <a:off x="1043189" y="2110160"/>
              <a:ext cx="3240000" cy="1101777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lvl="2" algn="ctr" rtl="0">
                <a:spcBef>
                  <a:spcPts val="300"/>
                </a:spcBef>
                <a:defRPr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HIZBALLAH </a:t>
              </a:r>
              <a:endParaRPr lang="he-IL" sz="12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Precision and narrowing the containment of Israel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force build-up ambitions</a:t>
              </a:r>
            </a:p>
          </p:txBody>
        </p:sp>
        <p:pic>
          <p:nvPicPr>
            <p:cNvPr id="92" name="תמונה 29"/>
            <p:cNvPicPr>
              <a:picLocks noChangeAspect="1"/>
            </p:cNvPicPr>
            <p:nvPr/>
          </p:nvPicPr>
          <p:blipFill>
            <a:blip r:embed="rId10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895047" y="1921069"/>
              <a:ext cx="437921" cy="413727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sp>
        <p:nvSpPr>
          <p:cNvPr id="93" name="Rectangle 35"/>
          <p:cNvSpPr/>
          <p:nvPr/>
        </p:nvSpPr>
        <p:spPr>
          <a:xfrm>
            <a:off x="4296763" y="5539486"/>
            <a:ext cx="4183690" cy="906848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000" dirty="0">
                <a:cs typeface="+mj-cs"/>
              </a:rPr>
              <a:t>Unification of “axis” actors and increasing the </a:t>
            </a:r>
            <a:r>
              <a:rPr lang="en-US" dirty="0"/>
              <a:t>feasibility of confrontation</a:t>
            </a:r>
            <a:endParaRPr lang="he-IL" sz="2000" dirty="0">
              <a:cs typeface="+mj-cs"/>
            </a:endParaRPr>
          </a:p>
        </p:txBody>
      </p:sp>
      <p:sp>
        <p:nvSpPr>
          <p:cNvPr id="30" name="כותרת 1">
            <a:extLst>
              <a:ext uri="{FF2B5EF4-FFF2-40B4-BE49-F238E27FC236}">
                <a16:creationId xmlns:a16="http://schemas.microsoft.com/office/drawing/2014/main" id="{4CC0641E-8946-4DDB-8987-4C5CECA9F173}"/>
              </a:ext>
            </a:extLst>
          </p:cNvPr>
          <p:cNvSpPr txBox="1">
            <a:spLocks/>
          </p:cNvSpPr>
          <p:nvPr/>
        </p:nvSpPr>
        <p:spPr bwMode="auto">
          <a:xfrm>
            <a:off x="1877495" y="1036293"/>
            <a:ext cx="10137849" cy="774545"/>
          </a:xfrm>
          <a:prstGeom prst="rect">
            <a:avLst/>
          </a:prstGeom>
          <a:noFill/>
          <a:ln w="28575">
            <a:noFill/>
          </a:ln>
          <a:effectLst/>
        </p:spPr>
        <p:txBody>
          <a:bodyPr vert="horz" wrap="square" lIns="38576" tIns="19289" rIns="38576" bIns="19289" numCol="1" anchor="ctr" anchorCtr="0" compatLnSpc="1">
            <a:prstTxWarp prst="textNoShape">
              <a:avLst/>
            </a:prstTxWarp>
          </a:bodyPr>
          <a:lstStyle>
            <a:defPPr>
              <a:defRPr lang="he-IL"/>
            </a:defPPr>
            <a:lvl1pPr algn="ctr" fontAlgn="base">
              <a:spcBef>
                <a:spcPts val="0"/>
              </a:spcBef>
              <a:spcAft>
                <a:spcPts val="0"/>
              </a:spcAft>
              <a:defRPr b="1">
                <a:solidFill>
                  <a:schemeClr val="bg1"/>
                </a:solidFill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  <a:lvl2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2pPr>
            <a:lvl3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3pPr>
            <a:lvl4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4pPr>
            <a:lvl5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5pPr>
            <a:lvl6pPr marL="4572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6pPr>
            <a:lvl7pPr marL="9144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7pPr>
            <a:lvl8pPr marL="13716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8pPr>
            <a:lvl9pPr marL="18288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9pPr>
          </a:lstStyle>
          <a:p>
            <a:pPr marL="342900" indent="-342900" algn="l" rtl="0"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The Middle east is the arena for Global and Regional Competition</a:t>
            </a:r>
          </a:p>
          <a:p>
            <a:pPr marL="342900" indent="-342900" algn="l" rtl="0"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A rise in affinity</a:t>
            </a:r>
            <a:r>
              <a:rPr lang="he-IL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 </a:t>
            </a: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between the various Arenas and the areas where Israel is Challenged and in Conflict</a:t>
            </a:r>
          </a:p>
        </p:txBody>
      </p:sp>
      <p:sp>
        <p:nvSpPr>
          <p:cNvPr id="33" name="כותרת 8">
            <a:extLst>
              <a:ext uri="{FF2B5EF4-FFF2-40B4-BE49-F238E27FC236}">
                <a16:creationId xmlns:a16="http://schemas.microsoft.com/office/drawing/2014/main" id="{FD9C9B81-C084-4FCB-A09B-7CE21399F735}"/>
              </a:ext>
            </a:extLst>
          </p:cNvPr>
          <p:cNvSpPr txBox="1">
            <a:spLocks/>
          </p:cNvSpPr>
          <p:nvPr/>
        </p:nvSpPr>
        <p:spPr>
          <a:xfrm>
            <a:off x="2164890" y="205836"/>
            <a:ext cx="10440598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pPr algn="l" rtl="0"/>
            <a:r>
              <a:rPr lang="en-US" sz="3200">
                <a:latin typeface="Segoe UI Black" panose="020B0A02040204020203" pitchFamily="34" charset="0"/>
                <a:ea typeface="Segoe UI Black" panose="020B0A02040204020203" pitchFamily="34" charset="0"/>
              </a:rPr>
              <a:t>Strategic Assesmnet</a:t>
            </a:r>
          </a:p>
        </p:txBody>
      </p:sp>
    </p:spTree>
    <p:extLst>
      <p:ext uri="{BB962C8B-B14F-4D97-AF65-F5344CB8AC3E}">
        <p14:creationId xmlns:p14="http://schemas.microsoft.com/office/powerpoint/2010/main" val="192433463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7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7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8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8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8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8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3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כותרת 23"/>
          <p:cNvSpPr txBox="1">
            <a:spLocks/>
          </p:cNvSpPr>
          <p:nvPr/>
        </p:nvSpPr>
        <p:spPr>
          <a:xfrm>
            <a:off x="-311663" y="481556"/>
            <a:ext cx="10440598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 fontScale="77500" lnSpcReduction="20000"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2"/>
                </a:solidFill>
                <a:effectLst>
                  <a:outerShdw blurRad="50800" dist="38100" dir="2700000" algn="tl" rotWithShape="0">
                    <a:schemeClr val="tx2">
                      <a:alpha val="40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pPr algn="ctr" rtl="0"/>
            <a:r>
              <a:rPr lang="en-US" sz="7200" dirty="0">
                <a:solidFill>
                  <a:schemeClr val="tx1"/>
                </a:solidFill>
                <a:effectLst/>
                <a:latin typeface="Segoe UI Black" panose="020B0A02040204020203" pitchFamily="34" charset="0"/>
                <a:ea typeface="Segoe UI Black" panose="020B0A02040204020203" pitchFamily="34" charset="0"/>
              </a:rPr>
              <a:t>Regional Threats</a:t>
            </a:r>
            <a:endParaRPr lang="he-IL" sz="7200" dirty="0">
              <a:solidFill>
                <a:schemeClr val="tx1"/>
              </a:solidFill>
              <a:effectLst/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grpSp>
        <p:nvGrpSpPr>
          <p:cNvPr id="2" name="Group 1">
            <a:extLst>
              <a:ext uri="{FF2B5EF4-FFF2-40B4-BE49-F238E27FC236}">
                <a16:creationId xmlns:a16="http://schemas.microsoft.com/office/drawing/2014/main" id="{468142D4-E025-46B2-93E3-5CF168D6AB38}"/>
              </a:ext>
            </a:extLst>
          </p:cNvPr>
          <p:cNvGrpSpPr/>
          <p:nvPr/>
        </p:nvGrpSpPr>
        <p:grpSpPr>
          <a:xfrm flipH="1">
            <a:off x="738129" y="275422"/>
            <a:ext cx="11303306" cy="6064055"/>
            <a:chOff x="391122" y="317835"/>
            <a:chExt cx="11681705" cy="6092425"/>
          </a:xfrm>
        </p:grpSpPr>
        <p:pic>
          <p:nvPicPr>
            <p:cNvPr id="18" name="Picture 10" descr="תמונה"/>
            <p:cNvPicPr>
              <a:picLocks noChangeAspect="1" noChangeArrowheads="1"/>
            </p:cNvPicPr>
            <p:nvPr/>
          </p:nvPicPr>
          <p:blipFill rotWithShape="1"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r="34899"/>
            <a:stretch/>
          </p:blipFill>
          <p:spPr bwMode="auto">
            <a:xfrm>
              <a:off x="2456020" y="317835"/>
              <a:ext cx="1728019" cy="149308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9" name="Picture 6" descr="תמונה"/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4672"/>
            <a:stretch/>
          </p:blipFill>
          <p:spPr bwMode="auto">
            <a:xfrm>
              <a:off x="391122" y="1797073"/>
              <a:ext cx="3516424" cy="254755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0" name="Picture 12" descr="תמונה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91122" y="4186669"/>
              <a:ext cx="3953049" cy="222359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1" name="Picture 8" descr="תמונה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07988" y="317891"/>
              <a:ext cx="2072800" cy="147918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 useBgFill="1">
          <p:nvSpPr>
            <p:cNvPr id="27" name="חץ שמאלה 20"/>
            <p:cNvSpPr/>
            <p:nvPr/>
          </p:nvSpPr>
          <p:spPr>
            <a:xfrm>
              <a:off x="2310064" y="1289114"/>
              <a:ext cx="9762763" cy="5121146"/>
            </a:xfrm>
            <a:custGeom>
              <a:avLst/>
              <a:gdLst>
                <a:gd name="connsiteX0" fmla="*/ 0 w 6395614"/>
                <a:gd name="connsiteY0" fmla="*/ 1843709 h 3687417"/>
                <a:gd name="connsiteX1" fmla="*/ 1018760 w 6395614"/>
                <a:gd name="connsiteY1" fmla="*/ 0 h 3687417"/>
                <a:gd name="connsiteX2" fmla="*/ 1018760 w 6395614"/>
                <a:gd name="connsiteY2" fmla="*/ 166487 h 3687417"/>
                <a:gd name="connsiteX3" fmla="*/ 6395614 w 6395614"/>
                <a:gd name="connsiteY3" fmla="*/ 166487 h 3687417"/>
                <a:gd name="connsiteX4" fmla="*/ 6395614 w 6395614"/>
                <a:gd name="connsiteY4" fmla="*/ 3520930 h 3687417"/>
                <a:gd name="connsiteX5" fmla="*/ 1018760 w 6395614"/>
                <a:gd name="connsiteY5" fmla="*/ 3520930 h 3687417"/>
                <a:gd name="connsiteX6" fmla="*/ 1018760 w 6395614"/>
                <a:gd name="connsiteY6" fmla="*/ 3687417 h 3687417"/>
                <a:gd name="connsiteX7" fmla="*/ 0 w 6395614"/>
                <a:gd name="connsiteY7" fmla="*/ 1843709 h 3687417"/>
                <a:gd name="connsiteX0" fmla="*/ 0 w 6395614"/>
                <a:gd name="connsiteY0" fmla="*/ 1843709 h 3687417"/>
                <a:gd name="connsiteX1" fmla="*/ 1018760 w 6395614"/>
                <a:gd name="connsiteY1" fmla="*/ 0 h 3687417"/>
                <a:gd name="connsiteX2" fmla="*/ 1018760 w 6395614"/>
                <a:gd name="connsiteY2" fmla="*/ 166487 h 3687417"/>
                <a:gd name="connsiteX3" fmla="*/ 6395614 w 6395614"/>
                <a:gd name="connsiteY3" fmla="*/ 166487 h 3687417"/>
                <a:gd name="connsiteX4" fmla="*/ 6395614 w 6395614"/>
                <a:gd name="connsiteY4" fmla="*/ 2061580 h 3687417"/>
                <a:gd name="connsiteX5" fmla="*/ 6395614 w 6395614"/>
                <a:gd name="connsiteY5" fmla="*/ 3520930 h 3687417"/>
                <a:gd name="connsiteX6" fmla="*/ 1018760 w 6395614"/>
                <a:gd name="connsiteY6" fmla="*/ 3520930 h 3687417"/>
                <a:gd name="connsiteX7" fmla="*/ 1018760 w 6395614"/>
                <a:gd name="connsiteY7" fmla="*/ 3687417 h 3687417"/>
                <a:gd name="connsiteX8" fmla="*/ 0 w 6395614"/>
                <a:gd name="connsiteY8" fmla="*/ 1843709 h 3687417"/>
                <a:gd name="connsiteX0" fmla="*/ 6395614 w 6487054"/>
                <a:gd name="connsiteY0" fmla="*/ 2061580 h 3687417"/>
                <a:gd name="connsiteX1" fmla="*/ 6395614 w 6487054"/>
                <a:gd name="connsiteY1" fmla="*/ 3520930 h 3687417"/>
                <a:gd name="connsiteX2" fmla="*/ 1018760 w 6487054"/>
                <a:gd name="connsiteY2" fmla="*/ 3520930 h 3687417"/>
                <a:gd name="connsiteX3" fmla="*/ 1018760 w 6487054"/>
                <a:gd name="connsiteY3" fmla="*/ 3687417 h 3687417"/>
                <a:gd name="connsiteX4" fmla="*/ 0 w 6487054"/>
                <a:gd name="connsiteY4" fmla="*/ 1843709 h 3687417"/>
                <a:gd name="connsiteX5" fmla="*/ 1018760 w 6487054"/>
                <a:gd name="connsiteY5" fmla="*/ 0 h 3687417"/>
                <a:gd name="connsiteX6" fmla="*/ 1018760 w 6487054"/>
                <a:gd name="connsiteY6" fmla="*/ 166487 h 3687417"/>
                <a:gd name="connsiteX7" fmla="*/ 6395614 w 6487054"/>
                <a:gd name="connsiteY7" fmla="*/ 166487 h 3687417"/>
                <a:gd name="connsiteX8" fmla="*/ 6487054 w 6487054"/>
                <a:gd name="connsiteY8" fmla="*/ 2153020 h 3687417"/>
                <a:gd name="connsiteX0" fmla="*/ 6395614 w 6395614"/>
                <a:gd name="connsiteY0" fmla="*/ 2061580 h 3687417"/>
                <a:gd name="connsiteX1" fmla="*/ 6395614 w 6395614"/>
                <a:gd name="connsiteY1" fmla="*/ 3520930 h 3687417"/>
                <a:gd name="connsiteX2" fmla="*/ 1018760 w 6395614"/>
                <a:gd name="connsiteY2" fmla="*/ 3520930 h 3687417"/>
                <a:gd name="connsiteX3" fmla="*/ 1018760 w 6395614"/>
                <a:gd name="connsiteY3" fmla="*/ 3687417 h 3687417"/>
                <a:gd name="connsiteX4" fmla="*/ 0 w 6395614"/>
                <a:gd name="connsiteY4" fmla="*/ 1843709 h 3687417"/>
                <a:gd name="connsiteX5" fmla="*/ 1018760 w 6395614"/>
                <a:gd name="connsiteY5" fmla="*/ 0 h 3687417"/>
                <a:gd name="connsiteX6" fmla="*/ 1018760 w 6395614"/>
                <a:gd name="connsiteY6" fmla="*/ 166487 h 3687417"/>
                <a:gd name="connsiteX7" fmla="*/ 6395614 w 6395614"/>
                <a:gd name="connsiteY7" fmla="*/ 166487 h 3687417"/>
                <a:gd name="connsiteX0" fmla="*/ 6395614 w 6395614"/>
                <a:gd name="connsiteY0" fmla="*/ 3520930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6395614 w 6395614"/>
                <a:gd name="connsiteY0" fmla="*/ 3520932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6395614 w 6395614"/>
                <a:gd name="connsiteY0" fmla="*/ 3520932 h 3687417"/>
                <a:gd name="connsiteX1" fmla="*/ 5304870 w 6395614"/>
                <a:gd name="connsiteY1" fmla="*/ 3522383 h 3687417"/>
                <a:gd name="connsiteX2" fmla="*/ 1018760 w 6395614"/>
                <a:gd name="connsiteY2" fmla="*/ 3520930 h 3687417"/>
                <a:gd name="connsiteX3" fmla="*/ 1018760 w 6395614"/>
                <a:gd name="connsiteY3" fmla="*/ 3687417 h 3687417"/>
                <a:gd name="connsiteX4" fmla="*/ 0 w 6395614"/>
                <a:gd name="connsiteY4" fmla="*/ 1843709 h 3687417"/>
                <a:gd name="connsiteX5" fmla="*/ 1018760 w 6395614"/>
                <a:gd name="connsiteY5" fmla="*/ 0 h 3687417"/>
                <a:gd name="connsiteX6" fmla="*/ 1018760 w 6395614"/>
                <a:gd name="connsiteY6" fmla="*/ 166487 h 3687417"/>
                <a:gd name="connsiteX7" fmla="*/ 6395614 w 6395614"/>
                <a:gd name="connsiteY7" fmla="*/ 166487 h 3687417"/>
                <a:gd name="connsiteX0" fmla="*/ 5304870 w 6395614"/>
                <a:gd name="connsiteY0" fmla="*/ 3522383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5304870 w 6395614"/>
                <a:gd name="connsiteY0" fmla="*/ 3522383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5291891 w 6395614"/>
                <a:gd name="connsiteY6" fmla="*/ 152015 h 3687417"/>
                <a:gd name="connsiteX7" fmla="*/ 6395614 w 6395614"/>
                <a:gd name="connsiteY7" fmla="*/ 166487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5291891 w 5304870"/>
                <a:gd name="connsiteY6" fmla="*/ 152015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4547486 w 5304870"/>
                <a:gd name="connsiteY6" fmla="*/ 169127 h 3687417"/>
                <a:gd name="connsiteX7" fmla="*/ 5291891 w 5304870"/>
                <a:gd name="connsiteY7" fmla="*/ 152015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4547486 w 5304870"/>
                <a:gd name="connsiteY6" fmla="*/ 169127 h 3687417"/>
                <a:gd name="connsiteX0" fmla="*/ 5304870 w 5304870"/>
                <a:gd name="connsiteY0" fmla="*/ 3522383 h 3687417"/>
                <a:gd name="connsiteX1" fmla="*/ 4682965 w 5304870"/>
                <a:gd name="connsiteY1" fmla="*/ 3523843 h 3687417"/>
                <a:gd name="connsiteX2" fmla="*/ 1018760 w 5304870"/>
                <a:gd name="connsiteY2" fmla="*/ 3520930 h 3687417"/>
                <a:gd name="connsiteX3" fmla="*/ 1018760 w 5304870"/>
                <a:gd name="connsiteY3" fmla="*/ 3687417 h 3687417"/>
                <a:gd name="connsiteX4" fmla="*/ 0 w 5304870"/>
                <a:gd name="connsiteY4" fmla="*/ 1843709 h 3687417"/>
                <a:gd name="connsiteX5" fmla="*/ 1018760 w 5304870"/>
                <a:gd name="connsiteY5" fmla="*/ 0 h 3687417"/>
                <a:gd name="connsiteX6" fmla="*/ 1018760 w 5304870"/>
                <a:gd name="connsiteY6" fmla="*/ 166487 h 3687417"/>
                <a:gd name="connsiteX7" fmla="*/ 4547486 w 5304870"/>
                <a:gd name="connsiteY7" fmla="*/ 169127 h 3687417"/>
                <a:gd name="connsiteX0" fmla="*/ 4682965 w 4682965"/>
                <a:gd name="connsiteY0" fmla="*/ 3523843 h 3687417"/>
                <a:gd name="connsiteX1" fmla="*/ 1018760 w 4682965"/>
                <a:gd name="connsiteY1" fmla="*/ 3520930 h 3687417"/>
                <a:gd name="connsiteX2" fmla="*/ 1018760 w 4682965"/>
                <a:gd name="connsiteY2" fmla="*/ 3687417 h 3687417"/>
                <a:gd name="connsiteX3" fmla="*/ 0 w 4682965"/>
                <a:gd name="connsiteY3" fmla="*/ 1843709 h 3687417"/>
                <a:gd name="connsiteX4" fmla="*/ 1018760 w 4682965"/>
                <a:gd name="connsiteY4" fmla="*/ 0 h 3687417"/>
                <a:gd name="connsiteX5" fmla="*/ 1018760 w 4682965"/>
                <a:gd name="connsiteY5" fmla="*/ 166487 h 3687417"/>
                <a:gd name="connsiteX6" fmla="*/ 4547486 w 4682965"/>
                <a:gd name="connsiteY6" fmla="*/ 169127 h 368741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4682965" h="3687417">
                  <a:moveTo>
                    <a:pt x="4682965" y="3523843"/>
                  </a:moveTo>
                  <a:lnTo>
                    <a:pt x="1018760" y="3520930"/>
                  </a:lnTo>
                  <a:lnTo>
                    <a:pt x="1018760" y="3687417"/>
                  </a:lnTo>
                  <a:lnTo>
                    <a:pt x="0" y="1843709"/>
                  </a:lnTo>
                  <a:lnTo>
                    <a:pt x="1018760" y="0"/>
                  </a:lnTo>
                  <a:lnTo>
                    <a:pt x="1018760" y="166487"/>
                  </a:lnTo>
                  <a:lnTo>
                    <a:pt x="4547486" y="169127"/>
                  </a:lnTo>
                </a:path>
              </a:pathLst>
            </a:custGeom>
            <a:ln w="762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 useBgFill="1">
          <p:nvSpPr>
            <p:cNvPr id="41" name="חץ שמאלה 20"/>
            <p:cNvSpPr/>
            <p:nvPr/>
          </p:nvSpPr>
          <p:spPr>
            <a:xfrm>
              <a:off x="2310063" y="1289114"/>
              <a:ext cx="9762763" cy="5121146"/>
            </a:xfrm>
            <a:custGeom>
              <a:avLst/>
              <a:gdLst>
                <a:gd name="connsiteX0" fmla="*/ 0 w 6395614"/>
                <a:gd name="connsiteY0" fmla="*/ 1843709 h 3687417"/>
                <a:gd name="connsiteX1" fmla="*/ 1018760 w 6395614"/>
                <a:gd name="connsiteY1" fmla="*/ 0 h 3687417"/>
                <a:gd name="connsiteX2" fmla="*/ 1018760 w 6395614"/>
                <a:gd name="connsiteY2" fmla="*/ 166487 h 3687417"/>
                <a:gd name="connsiteX3" fmla="*/ 6395614 w 6395614"/>
                <a:gd name="connsiteY3" fmla="*/ 166487 h 3687417"/>
                <a:gd name="connsiteX4" fmla="*/ 6395614 w 6395614"/>
                <a:gd name="connsiteY4" fmla="*/ 3520930 h 3687417"/>
                <a:gd name="connsiteX5" fmla="*/ 1018760 w 6395614"/>
                <a:gd name="connsiteY5" fmla="*/ 3520930 h 3687417"/>
                <a:gd name="connsiteX6" fmla="*/ 1018760 w 6395614"/>
                <a:gd name="connsiteY6" fmla="*/ 3687417 h 3687417"/>
                <a:gd name="connsiteX7" fmla="*/ 0 w 6395614"/>
                <a:gd name="connsiteY7" fmla="*/ 1843709 h 3687417"/>
                <a:gd name="connsiteX0" fmla="*/ 0 w 6395614"/>
                <a:gd name="connsiteY0" fmla="*/ 1843709 h 3687417"/>
                <a:gd name="connsiteX1" fmla="*/ 1018760 w 6395614"/>
                <a:gd name="connsiteY1" fmla="*/ 0 h 3687417"/>
                <a:gd name="connsiteX2" fmla="*/ 1018760 w 6395614"/>
                <a:gd name="connsiteY2" fmla="*/ 166487 h 3687417"/>
                <a:gd name="connsiteX3" fmla="*/ 6395614 w 6395614"/>
                <a:gd name="connsiteY3" fmla="*/ 166487 h 3687417"/>
                <a:gd name="connsiteX4" fmla="*/ 6395614 w 6395614"/>
                <a:gd name="connsiteY4" fmla="*/ 2061580 h 3687417"/>
                <a:gd name="connsiteX5" fmla="*/ 6395614 w 6395614"/>
                <a:gd name="connsiteY5" fmla="*/ 3520930 h 3687417"/>
                <a:gd name="connsiteX6" fmla="*/ 1018760 w 6395614"/>
                <a:gd name="connsiteY6" fmla="*/ 3520930 h 3687417"/>
                <a:gd name="connsiteX7" fmla="*/ 1018760 w 6395614"/>
                <a:gd name="connsiteY7" fmla="*/ 3687417 h 3687417"/>
                <a:gd name="connsiteX8" fmla="*/ 0 w 6395614"/>
                <a:gd name="connsiteY8" fmla="*/ 1843709 h 3687417"/>
                <a:gd name="connsiteX0" fmla="*/ 6395614 w 6487054"/>
                <a:gd name="connsiteY0" fmla="*/ 2061580 h 3687417"/>
                <a:gd name="connsiteX1" fmla="*/ 6395614 w 6487054"/>
                <a:gd name="connsiteY1" fmla="*/ 3520930 h 3687417"/>
                <a:gd name="connsiteX2" fmla="*/ 1018760 w 6487054"/>
                <a:gd name="connsiteY2" fmla="*/ 3520930 h 3687417"/>
                <a:gd name="connsiteX3" fmla="*/ 1018760 w 6487054"/>
                <a:gd name="connsiteY3" fmla="*/ 3687417 h 3687417"/>
                <a:gd name="connsiteX4" fmla="*/ 0 w 6487054"/>
                <a:gd name="connsiteY4" fmla="*/ 1843709 h 3687417"/>
                <a:gd name="connsiteX5" fmla="*/ 1018760 w 6487054"/>
                <a:gd name="connsiteY5" fmla="*/ 0 h 3687417"/>
                <a:gd name="connsiteX6" fmla="*/ 1018760 w 6487054"/>
                <a:gd name="connsiteY6" fmla="*/ 166487 h 3687417"/>
                <a:gd name="connsiteX7" fmla="*/ 6395614 w 6487054"/>
                <a:gd name="connsiteY7" fmla="*/ 166487 h 3687417"/>
                <a:gd name="connsiteX8" fmla="*/ 6487054 w 6487054"/>
                <a:gd name="connsiteY8" fmla="*/ 2153020 h 3687417"/>
                <a:gd name="connsiteX0" fmla="*/ 6395614 w 6395614"/>
                <a:gd name="connsiteY0" fmla="*/ 2061580 h 3687417"/>
                <a:gd name="connsiteX1" fmla="*/ 6395614 w 6395614"/>
                <a:gd name="connsiteY1" fmla="*/ 3520930 h 3687417"/>
                <a:gd name="connsiteX2" fmla="*/ 1018760 w 6395614"/>
                <a:gd name="connsiteY2" fmla="*/ 3520930 h 3687417"/>
                <a:gd name="connsiteX3" fmla="*/ 1018760 w 6395614"/>
                <a:gd name="connsiteY3" fmla="*/ 3687417 h 3687417"/>
                <a:gd name="connsiteX4" fmla="*/ 0 w 6395614"/>
                <a:gd name="connsiteY4" fmla="*/ 1843709 h 3687417"/>
                <a:gd name="connsiteX5" fmla="*/ 1018760 w 6395614"/>
                <a:gd name="connsiteY5" fmla="*/ 0 h 3687417"/>
                <a:gd name="connsiteX6" fmla="*/ 1018760 w 6395614"/>
                <a:gd name="connsiteY6" fmla="*/ 166487 h 3687417"/>
                <a:gd name="connsiteX7" fmla="*/ 6395614 w 6395614"/>
                <a:gd name="connsiteY7" fmla="*/ 166487 h 3687417"/>
                <a:gd name="connsiteX0" fmla="*/ 6395614 w 6395614"/>
                <a:gd name="connsiteY0" fmla="*/ 3520930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6395614 w 6395614"/>
                <a:gd name="connsiteY0" fmla="*/ 3520932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6395614 w 6395614"/>
                <a:gd name="connsiteY0" fmla="*/ 3520932 h 3687417"/>
                <a:gd name="connsiteX1" fmla="*/ 5304870 w 6395614"/>
                <a:gd name="connsiteY1" fmla="*/ 3522383 h 3687417"/>
                <a:gd name="connsiteX2" fmla="*/ 1018760 w 6395614"/>
                <a:gd name="connsiteY2" fmla="*/ 3520930 h 3687417"/>
                <a:gd name="connsiteX3" fmla="*/ 1018760 w 6395614"/>
                <a:gd name="connsiteY3" fmla="*/ 3687417 h 3687417"/>
                <a:gd name="connsiteX4" fmla="*/ 0 w 6395614"/>
                <a:gd name="connsiteY4" fmla="*/ 1843709 h 3687417"/>
                <a:gd name="connsiteX5" fmla="*/ 1018760 w 6395614"/>
                <a:gd name="connsiteY5" fmla="*/ 0 h 3687417"/>
                <a:gd name="connsiteX6" fmla="*/ 1018760 w 6395614"/>
                <a:gd name="connsiteY6" fmla="*/ 166487 h 3687417"/>
                <a:gd name="connsiteX7" fmla="*/ 6395614 w 6395614"/>
                <a:gd name="connsiteY7" fmla="*/ 166487 h 3687417"/>
                <a:gd name="connsiteX0" fmla="*/ 5304870 w 6395614"/>
                <a:gd name="connsiteY0" fmla="*/ 3522383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5304870 w 6395614"/>
                <a:gd name="connsiteY0" fmla="*/ 3522383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5291891 w 6395614"/>
                <a:gd name="connsiteY6" fmla="*/ 152015 h 3687417"/>
                <a:gd name="connsiteX7" fmla="*/ 6395614 w 6395614"/>
                <a:gd name="connsiteY7" fmla="*/ 166487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5291891 w 5304870"/>
                <a:gd name="connsiteY6" fmla="*/ 152015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4547486 w 5304870"/>
                <a:gd name="connsiteY6" fmla="*/ 169127 h 3687417"/>
                <a:gd name="connsiteX7" fmla="*/ 5291891 w 5304870"/>
                <a:gd name="connsiteY7" fmla="*/ 152015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4547486 w 5304870"/>
                <a:gd name="connsiteY6" fmla="*/ 169127 h 3687417"/>
                <a:gd name="connsiteX0" fmla="*/ 5304870 w 5304870"/>
                <a:gd name="connsiteY0" fmla="*/ 3522383 h 3687417"/>
                <a:gd name="connsiteX1" fmla="*/ 4682965 w 5304870"/>
                <a:gd name="connsiteY1" fmla="*/ 3523843 h 3687417"/>
                <a:gd name="connsiteX2" fmla="*/ 1018760 w 5304870"/>
                <a:gd name="connsiteY2" fmla="*/ 3520930 h 3687417"/>
                <a:gd name="connsiteX3" fmla="*/ 1018760 w 5304870"/>
                <a:gd name="connsiteY3" fmla="*/ 3687417 h 3687417"/>
                <a:gd name="connsiteX4" fmla="*/ 0 w 5304870"/>
                <a:gd name="connsiteY4" fmla="*/ 1843709 h 3687417"/>
                <a:gd name="connsiteX5" fmla="*/ 1018760 w 5304870"/>
                <a:gd name="connsiteY5" fmla="*/ 0 h 3687417"/>
                <a:gd name="connsiteX6" fmla="*/ 1018760 w 5304870"/>
                <a:gd name="connsiteY6" fmla="*/ 166487 h 3687417"/>
                <a:gd name="connsiteX7" fmla="*/ 4547486 w 5304870"/>
                <a:gd name="connsiteY7" fmla="*/ 169127 h 3687417"/>
                <a:gd name="connsiteX0" fmla="*/ 4682965 w 4682965"/>
                <a:gd name="connsiteY0" fmla="*/ 3523843 h 3687417"/>
                <a:gd name="connsiteX1" fmla="*/ 1018760 w 4682965"/>
                <a:gd name="connsiteY1" fmla="*/ 3520930 h 3687417"/>
                <a:gd name="connsiteX2" fmla="*/ 1018760 w 4682965"/>
                <a:gd name="connsiteY2" fmla="*/ 3687417 h 3687417"/>
                <a:gd name="connsiteX3" fmla="*/ 0 w 4682965"/>
                <a:gd name="connsiteY3" fmla="*/ 1843709 h 3687417"/>
                <a:gd name="connsiteX4" fmla="*/ 1018760 w 4682965"/>
                <a:gd name="connsiteY4" fmla="*/ 0 h 3687417"/>
                <a:gd name="connsiteX5" fmla="*/ 1018760 w 4682965"/>
                <a:gd name="connsiteY5" fmla="*/ 166487 h 3687417"/>
                <a:gd name="connsiteX6" fmla="*/ 4547486 w 4682965"/>
                <a:gd name="connsiteY6" fmla="*/ 169127 h 368741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4682965" h="3687417">
                  <a:moveTo>
                    <a:pt x="4682965" y="3523843"/>
                  </a:moveTo>
                  <a:lnTo>
                    <a:pt x="1018760" y="3520930"/>
                  </a:lnTo>
                  <a:lnTo>
                    <a:pt x="1018760" y="3687417"/>
                  </a:lnTo>
                  <a:lnTo>
                    <a:pt x="0" y="1843709"/>
                  </a:lnTo>
                  <a:lnTo>
                    <a:pt x="1018760" y="0"/>
                  </a:lnTo>
                  <a:lnTo>
                    <a:pt x="1018760" y="166487"/>
                  </a:lnTo>
                  <a:lnTo>
                    <a:pt x="4547486" y="169127"/>
                  </a:lnTo>
                </a:path>
              </a:pathLst>
            </a:custGeom>
            <a:ln w="762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2" name="מלבן 41"/>
            <p:cNvSpPr/>
            <p:nvPr/>
          </p:nvSpPr>
          <p:spPr>
            <a:xfrm>
              <a:off x="3114963" y="1593681"/>
              <a:ext cx="7996861" cy="442179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l" rtl="0"/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Iran</a:t>
              </a:r>
              <a:r>
                <a:rPr lang="en-US" sz="3200" dirty="0">
                  <a:solidFill>
                    <a:srgbClr val="FF0000"/>
                  </a:solidFill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|</a:t>
              </a:r>
              <a:r>
                <a:rPr lang="en-US" sz="32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 </a:t>
              </a:r>
              <a:r>
                <a:rPr lang="en-US" sz="24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Nuclear, Missiles, Regional Entrenchment </a:t>
              </a:r>
            </a:p>
            <a:p>
              <a:pPr algn="l" rtl="0"/>
              <a:endParaRPr lang="en-US" sz="3200" dirty="0"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  <a:p>
              <a:pPr algn="l" rtl="0"/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Terror</a:t>
              </a:r>
              <a:r>
                <a:rPr lang="en-US" sz="3200" dirty="0"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 </a:t>
              </a:r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Armies</a:t>
              </a:r>
            </a:p>
            <a:p>
              <a:pPr algn="l" rtl="0"/>
              <a:endParaRPr lang="en-US" sz="3200" dirty="0"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  <a:p>
              <a:pPr algn="l" rtl="0"/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Advanced</a:t>
              </a:r>
              <a:r>
                <a:rPr lang="en-US" sz="3200" dirty="0"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 </a:t>
              </a:r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Threats</a:t>
              </a:r>
              <a:r>
                <a:rPr lang="en-US" sz="3200" dirty="0">
                  <a:solidFill>
                    <a:srgbClr val="FF0000"/>
                  </a:solidFill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|</a:t>
              </a:r>
              <a:r>
                <a:rPr lang="en-US" sz="32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 </a:t>
              </a:r>
              <a:r>
                <a:rPr lang="en-US" sz="20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Precision Missiles, Cyber, EW</a:t>
              </a:r>
            </a:p>
            <a:p>
              <a:pPr algn="l" rtl="0"/>
              <a:endParaRPr lang="en-US" sz="2800" dirty="0"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  <a:p>
              <a:pPr algn="l" rtl="0"/>
              <a:r>
                <a:rPr lang="en-US" sz="28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Radiations</a:t>
              </a:r>
              <a:r>
                <a:rPr lang="en-US" sz="2800" dirty="0"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 </a:t>
              </a:r>
              <a:r>
                <a:rPr lang="en-US" sz="28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of the Superpower competition </a:t>
              </a:r>
            </a:p>
            <a:p>
              <a:pPr algn="l" rtl="0"/>
              <a:endParaRPr lang="en-US" sz="3200" dirty="0"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  <a:p>
              <a:pPr algn="l" rtl="0"/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Instability</a:t>
              </a:r>
              <a:r>
                <a:rPr lang="en-US" sz="32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| </a:t>
              </a:r>
              <a:r>
                <a:rPr lang="en-US" sz="24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Palestinians, Regional Global </a:t>
              </a:r>
              <a:endParaRPr lang="en-US" sz="3200" dirty="0"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</p:txBody>
        </p:sp>
        <p:pic>
          <p:nvPicPr>
            <p:cNvPr id="43" name="תמונה 42">
              <a:hlinkClick r:id="" action="ppaction://noaction"/>
            </p:cNvPr>
            <p:cNvPicPr preferRelativeResize="0">
              <a:picLocks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>
            <a:xfrm>
              <a:off x="11123482" y="1741216"/>
              <a:ext cx="792000" cy="576000"/>
            </a:xfrm>
            <a:prstGeom prst="rect">
              <a:avLst/>
            </a:prstGeom>
          </p:spPr>
        </p:pic>
        <p:pic>
          <p:nvPicPr>
            <p:cNvPr id="44" name="תמונה 43">
              <a:hlinkClick r:id="" action="ppaction://noaction"/>
            </p:cNvPr>
            <p:cNvPicPr preferRelativeResize="0">
              <a:picLocks/>
            </p:cNvPicPr>
            <p:nvPr/>
          </p:nvPicPr>
          <p:blipFill rotWithShape="1"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>
            <a:xfrm>
              <a:off x="11123482" y="2641460"/>
              <a:ext cx="792000" cy="576000"/>
            </a:xfrm>
            <a:prstGeom prst="rect">
              <a:avLst/>
            </a:prstGeom>
          </p:spPr>
        </p:pic>
        <p:pic>
          <p:nvPicPr>
            <p:cNvPr id="45" name="תמונה 44"/>
            <p:cNvPicPr preferRelativeResize="0">
              <a:picLocks/>
            </p:cNvPicPr>
            <p:nvPr/>
          </p:nvPicPr>
          <p:blipFill rotWithShape="1"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995" b="-2218"/>
            <a:stretch/>
          </p:blipFill>
          <p:spPr>
            <a:xfrm>
              <a:off x="11123482" y="5413632"/>
              <a:ext cx="792000" cy="576000"/>
            </a:xfrm>
            <a:prstGeom prst="rect">
              <a:avLst/>
            </a:prstGeom>
          </p:spPr>
        </p:pic>
        <p:pic>
          <p:nvPicPr>
            <p:cNvPr id="46" name="תמונה 45"/>
            <p:cNvPicPr preferRelativeResize="0">
              <a:picLocks/>
            </p:cNvPicPr>
            <p:nvPr/>
          </p:nvPicPr>
          <p:blipFill rotWithShape="1"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444"/>
            <a:stretch/>
          </p:blipFill>
          <p:spPr>
            <a:xfrm>
              <a:off x="11123482" y="4411786"/>
              <a:ext cx="792000" cy="576000"/>
            </a:xfrm>
            <a:prstGeom prst="rect">
              <a:avLst/>
            </a:prstGeom>
          </p:spPr>
        </p:pic>
        <p:grpSp>
          <p:nvGrpSpPr>
            <p:cNvPr id="47" name="קבוצה 46"/>
            <p:cNvGrpSpPr/>
            <p:nvPr/>
          </p:nvGrpSpPr>
          <p:grpSpPr>
            <a:xfrm>
              <a:off x="11111823" y="3487731"/>
              <a:ext cx="803660" cy="576000"/>
              <a:chOff x="6987788" y="-1245344"/>
              <a:chExt cx="1073509" cy="810769"/>
            </a:xfrm>
          </p:grpSpPr>
          <p:sp>
            <p:nvSpPr>
              <p:cNvPr id="48" name="Oval 1">
                <a:hlinkClick r:id="" action="ppaction://noaction"/>
              </p:cNvPr>
              <p:cNvSpPr/>
              <p:nvPr/>
            </p:nvSpPr>
            <p:spPr>
              <a:xfrm>
                <a:off x="6987788" y="-1245344"/>
                <a:ext cx="1057934" cy="810769"/>
              </a:xfrm>
              <a:prstGeom prst="rect">
                <a:avLst/>
              </a:prstGeom>
              <a:solidFill>
                <a:schemeClr val="bg2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t"/>
              <a:lstStyle/>
              <a:p>
                <a:pPr algn="ctr" rtl="0" fontAlgn="base">
                  <a:spcBef>
                    <a:spcPct val="0"/>
                  </a:spcBef>
                  <a:spcAft>
                    <a:spcPct val="0"/>
                  </a:spcAft>
                </a:pPr>
                <a:endParaRPr lang="he-IL" b="1">
                  <a:solidFill>
                    <a:srgbClr val="C00000"/>
                  </a:solidFill>
                  <a:latin typeface="Segoe UI Semilight" panose="020B0402040204020203" pitchFamily="34" charset="0"/>
                  <a:cs typeface="Segoe UI Semilight" panose="020B0402040204020203" pitchFamily="34" charset="0"/>
                </a:endParaRPr>
              </a:p>
            </p:txBody>
          </p:sp>
          <p:pic>
            <p:nvPicPr>
              <p:cNvPr id="49" name="An object"/>
              <p:cNvPicPr>
                <a:picLocks noChangeAspect="1"/>
              </p:cNvPicPr>
              <p:nvPr/>
            </p:nvPicPr>
            <p:blipFill>
              <a:blip r:embed="rId10" cstate="email">
                <a:extLst>
                  <a:ext uri="{BEBA8EAE-BF5A-486C-A8C5-ECC9F3942E4B}">
                    <a14:imgProps xmlns:a14="http://schemas.microsoft.com/office/drawing/2010/main">
                      <a14:imgLayer r:embed="rId11">
                        <a14:imgEffect>
                          <a14:brightnessContrast bright="-100000"/>
                        </a14:imgEffect>
                      </a14:imgLayer>
                    </a14:imgProps>
                  </a:ex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 rot="1800000">
                <a:off x="7003363" y="-974735"/>
                <a:ext cx="1057934" cy="266897"/>
              </a:xfrm>
              <a:prstGeom prst="rect">
                <a:avLst/>
              </a:prstGeom>
            </p:spPr>
          </p:pic>
        </p:grpSp>
      </p:grpSp>
    </p:spTree>
    <p:extLst>
      <p:ext uri="{BB962C8B-B14F-4D97-AF65-F5344CB8AC3E}">
        <p14:creationId xmlns:p14="http://schemas.microsoft.com/office/powerpoint/2010/main" val="4289801555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5" name="תמונה 24">
            <a:extLst>
              <a:ext uri="{FF2B5EF4-FFF2-40B4-BE49-F238E27FC236}">
                <a16:creationId xmlns:a16="http://schemas.microsoft.com/office/drawing/2014/main" id="{07E7C253-9284-4BC4-B454-03FEAF53F3C4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-50218"/>
            <a:ext cx="12189125" cy="6587016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</p:pic>
      <p:sp>
        <p:nvSpPr>
          <p:cNvPr id="27" name="An object"/>
          <p:cNvSpPr/>
          <p:nvPr/>
        </p:nvSpPr>
        <p:spPr>
          <a:xfrm>
            <a:off x="1581744" y="212760"/>
            <a:ext cx="10309127" cy="132343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/>
            <a:r>
              <a:rPr lang="en-US" sz="4000" dirty="0"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trategic Competition </a:t>
            </a:r>
            <a:r>
              <a:rPr lang="en-US" sz="4000" dirty="0">
                <a:latin typeface="Segoe UI Semibold" panose="020B0702040204020203" pitchFamily="34" charset="0"/>
                <a:cs typeface="Segoe UI Semibold" panose="020B0702040204020203" pitchFamily="34" charset="0"/>
              </a:rPr>
              <a:t>– </a:t>
            </a:r>
          </a:p>
          <a:p>
            <a:pPr algn="l" rtl="0"/>
            <a:r>
              <a:rPr lang="en-US" sz="4000" dirty="0">
                <a:latin typeface="Segoe UI Semibold" panose="020B0702040204020203" pitchFamily="34" charset="0"/>
                <a:cs typeface="Segoe UI Semibold" panose="020B0702040204020203" pitchFamily="34" charset="0"/>
              </a:rPr>
              <a:t>Iran in every single area and aspect</a:t>
            </a:r>
            <a:endParaRPr lang="he-IL" sz="3600" b="1" dirty="0">
              <a:latin typeface="Segoe UI Semibold" panose="020B0702040204020203" pitchFamily="34" charset="0"/>
              <a:ea typeface="+mj-ea"/>
              <a:cs typeface="Segoe UI Semibold" panose="020B0702040204020203" pitchFamily="34" charset="0"/>
            </a:endParaRPr>
          </a:p>
        </p:txBody>
      </p:sp>
      <p:pic>
        <p:nvPicPr>
          <p:cNvPr id="24" name="תמונה 23">
            <a:extLst>
              <a:ext uri="{FF2B5EF4-FFF2-40B4-BE49-F238E27FC236}">
                <a16:creationId xmlns:a16="http://schemas.microsoft.com/office/drawing/2014/main" id="{8E063E3B-C9BF-48DB-AF85-73896621DE16}"/>
              </a:ext>
            </a:extLst>
          </p:cNvPr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89944" y="260793"/>
            <a:ext cx="1214205" cy="1067899"/>
          </a:xfrm>
          <a:prstGeom prst="rect">
            <a:avLst/>
          </a:prstGeom>
        </p:spPr>
      </p:pic>
      <p:sp>
        <p:nvSpPr>
          <p:cNvPr id="26" name="Rectangle 13"/>
          <p:cNvSpPr/>
          <p:nvPr/>
        </p:nvSpPr>
        <p:spPr>
          <a:xfrm>
            <a:off x="6252126" y="2179997"/>
            <a:ext cx="2431990" cy="4295754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L="0" lvl="1" algn="ctr"/>
            <a:endParaRPr lang="he-IL" sz="2400" dirty="0">
              <a:solidFill>
                <a:schemeClr val="tx1"/>
              </a:solidFill>
              <a:latin typeface="Segoe UI Black" panose="020B0A02040204020203" pitchFamily="34" charset="0"/>
              <a:ea typeface="Segoe UI Black" panose="020B0A02040204020203" pitchFamily="34" charset="0"/>
            </a:endParaRPr>
          </a:p>
          <a:p>
            <a:pPr marL="0" lvl="1" algn="ctr"/>
            <a:r>
              <a:rPr lang="en-US" sz="24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Iran in Iraq</a:t>
            </a:r>
            <a:endParaRPr kumimoji="0" lang="en-US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Segoe UI Semilight" panose="020B0402040204020203" pitchFamily="34" charset="0"/>
              <a:cs typeface="Heebo"/>
            </a:endParaRPr>
          </a:p>
        </p:txBody>
      </p:sp>
      <p:sp>
        <p:nvSpPr>
          <p:cNvPr id="28" name="Rectangle 14"/>
          <p:cNvSpPr/>
          <p:nvPr/>
        </p:nvSpPr>
        <p:spPr>
          <a:xfrm>
            <a:off x="9000370" y="2179997"/>
            <a:ext cx="2255496" cy="4295754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Segoe UI Semilight" panose="020B0402040204020203" pitchFamily="34" charset="0"/>
              <a:cs typeface="Heebo"/>
            </a:endParaRPr>
          </a:p>
          <a:p>
            <a:pPr algn="ctr"/>
            <a:r>
              <a:rPr lang="en-US" sz="24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Iranian Territory </a:t>
            </a:r>
          </a:p>
        </p:txBody>
      </p:sp>
      <p:sp>
        <p:nvSpPr>
          <p:cNvPr id="29" name="Rectangle 15"/>
          <p:cNvSpPr/>
          <p:nvPr/>
        </p:nvSpPr>
        <p:spPr>
          <a:xfrm>
            <a:off x="3369831" y="2164667"/>
            <a:ext cx="2693994" cy="4312130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R="0" lvl="0" indent="0" algn="ctr" fontAlgn="auto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he-IL" sz="2400" dirty="0">
              <a:solidFill>
                <a:schemeClr val="tx1"/>
              </a:solidFill>
              <a:latin typeface="Segoe UI Black" panose="020B0A02040204020203" pitchFamily="34" charset="0"/>
              <a:ea typeface="Segoe UI Black" panose="020B0A02040204020203" pitchFamily="34" charset="0"/>
            </a:endParaRPr>
          </a:p>
          <a:p>
            <a:pPr marL="0" lvl="2" algn="ctr"/>
            <a:r>
              <a:rPr lang="en-US" sz="24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Iran in Syria</a:t>
            </a:r>
          </a:p>
        </p:txBody>
      </p:sp>
      <p:sp>
        <p:nvSpPr>
          <p:cNvPr id="30" name="Rectangle 17"/>
          <p:cNvSpPr/>
          <p:nvPr/>
        </p:nvSpPr>
        <p:spPr>
          <a:xfrm>
            <a:off x="803458" y="2179997"/>
            <a:ext cx="2324365" cy="4295754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Segoe UI Semilight" panose="020B0402040204020203" pitchFamily="34" charset="0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2400" dirty="0" err="1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Hizaballah</a:t>
            </a:r>
            <a:endParaRPr lang="he-IL" sz="2400" dirty="0">
              <a:solidFill>
                <a:schemeClr val="tx1"/>
              </a:solidFill>
              <a:latin typeface="Segoe UI Black" panose="020B0A02040204020203" pitchFamily="34" charset="0"/>
              <a:ea typeface="Segoe UI Black" panose="020B0A02040204020203" pitchFamily="34" charset="0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Segoe UI Semilight" panose="020B0402040204020203" pitchFamily="34" charset="0"/>
              <a:cs typeface="Heebo"/>
            </a:endParaRPr>
          </a:p>
        </p:txBody>
      </p:sp>
      <p:pic>
        <p:nvPicPr>
          <p:cNvPr id="31" name="תמונה 30">
            <a:extLst>
              <a:ext uri="{FF2B5EF4-FFF2-40B4-BE49-F238E27FC236}">
                <a16:creationId xmlns:a16="http://schemas.microsoft.com/office/drawing/2014/main" id="{BF995D98-C281-4D14-90F9-28C1EA160D3F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98413" y="1866797"/>
            <a:ext cx="939416" cy="626400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32" name="תמונה 31">
            <a:extLst>
              <a:ext uri="{FF2B5EF4-FFF2-40B4-BE49-F238E27FC236}">
                <a16:creationId xmlns:a16="http://schemas.microsoft.com/office/drawing/2014/main" id="{BECA7015-F482-4CDE-8160-EEF86BFED269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93663" y="1850934"/>
            <a:ext cx="1097957" cy="627465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33" name="תמונה 32">
            <a:extLst>
              <a:ext uri="{FF2B5EF4-FFF2-40B4-BE49-F238E27FC236}">
                <a16:creationId xmlns:a16="http://schemas.microsoft.com/office/drawing/2014/main" id="{E512B932-85EE-417F-B337-96D1C6E8BB0D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50169" y="1866797"/>
            <a:ext cx="939416" cy="626400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34" name="תמונה 33">
            <a:extLst>
              <a:ext uri="{FF2B5EF4-FFF2-40B4-BE49-F238E27FC236}">
                <a16:creationId xmlns:a16="http://schemas.microsoft.com/office/drawing/2014/main" id="{38A608F3-172E-4D13-BA06-3B5E5DADFF89}"/>
              </a:ext>
            </a:extLst>
          </p:cNvPr>
          <p:cNvPicPr>
            <a:picLocks noChangeAspect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47771"/>
          <a:stretch/>
        </p:blipFill>
        <p:spPr>
          <a:xfrm>
            <a:off x="1484997" y="1829112"/>
            <a:ext cx="952289" cy="619227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sp>
        <p:nvSpPr>
          <p:cNvPr id="35" name="מלבן 34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9056214" y="3265859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1" algn="ctr" rtl="0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Cruise Missiles, SSMs </a:t>
            </a:r>
          </a:p>
        </p:txBody>
      </p:sp>
      <p:sp>
        <p:nvSpPr>
          <p:cNvPr id="36" name="מלבן 35">
            <a:extLst>
              <a:ext uri="{FF2B5EF4-FFF2-40B4-BE49-F238E27FC236}">
                <a16:creationId xmlns:a16="http://schemas.microsoft.com/office/drawing/2014/main" id="{89078F42-A481-4DA1-BBA7-E75255061231}"/>
              </a:ext>
            </a:extLst>
          </p:cNvPr>
          <p:cNvSpPr/>
          <p:nvPr/>
        </p:nvSpPr>
        <p:spPr>
          <a:xfrm>
            <a:off x="9056214" y="4074687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rtl="0">
              <a:spcBef>
                <a:spcPts val="1200"/>
              </a:spcBef>
              <a:defRPr/>
            </a:pPr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Cyber</a:t>
            </a:r>
          </a:p>
        </p:txBody>
      </p:sp>
      <p:sp>
        <p:nvSpPr>
          <p:cNvPr id="37" name="מלבן 36">
            <a:extLst>
              <a:ext uri="{FF2B5EF4-FFF2-40B4-BE49-F238E27FC236}">
                <a16:creationId xmlns:a16="http://schemas.microsoft.com/office/drawing/2014/main" id="{45956698-F023-4454-A85C-A386DCD2A29B}"/>
              </a:ext>
            </a:extLst>
          </p:cNvPr>
          <p:cNvSpPr/>
          <p:nvPr/>
        </p:nvSpPr>
        <p:spPr>
          <a:xfrm>
            <a:off x="9056214" y="4888069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lvl="1" algn="l" rtl="0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Industries </a:t>
            </a:r>
          </a:p>
        </p:txBody>
      </p:sp>
      <p:sp>
        <p:nvSpPr>
          <p:cNvPr id="38" name="מלבן 37">
            <a:extLst>
              <a:ext uri="{FF2B5EF4-FFF2-40B4-BE49-F238E27FC236}">
                <a16:creationId xmlns:a16="http://schemas.microsoft.com/office/drawing/2014/main" id="{0F705DA1-0E5D-481C-A0BA-87C6C60CBD4B}"/>
              </a:ext>
            </a:extLst>
          </p:cNvPr>
          <p:cNvSpPr/>
          <p:nvPr/>
        </p:nvSpPr>
        <p:spPr>
          <a:xfrm>
            <a:off x="9056214" y="5701451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lvl="1" algn="l" rtl="0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Nuclear </a:t>
            </a:r>
          </a:p>
        </p:txBody>
      </p:sp>
      <p:sp>
        <p:nvSpPr>
          <p:cNvPr id="39" name="מלבן 38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9" y="3265859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Influence on regime </a:t>
            </a:r>
          </a:p>
        </p:txBody>
      </p:sp>
      <p:sp>
        <p:nvSpPr>
          <p:cNvPr id="40" name="מלבן 39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71698" y="3905526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hia militias</a:t>
            </a:r>
          </a:p>
        </p:txBody>
      </p:sp>
      <p:sp>
        <p:nvSpPr>
          <p:cNvPr id="41" name="מלבן 40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8" y="4570173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3" indent="0" algn="ctr" fontAlgn="auto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Quds Forces</a:t>
            </a:r>
            <a:endParaRPr lang="he-IL" sz="1400" dirty="0">
              <a:solidFill>
                <a:schemeClr val="tx1"/>
              </a:solidFill>
              <a:latin typeface="Segoe UI Semibold" panose="020B0702040204020203" pitchFamily="34" charset="0"/>
              <a:ea typeface="Segoe UI Black" panose="020B0A02040204020203" pitchFamily="34" charset="0"/>
              <a:cs typeface="Segoe UI Semibold" panose="020B0702040204020203" pitchFamily="34" charset="0"/>
            </a:endParaRPr>
          </a:p>
        </p:txBody>
      </p:sp>
      <p:sp>
        <p:nvSpPr>
          <p:cNvPr id="42" name="מלבן 41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8" y="5251250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Cruise Missiles, SSMs, UAVs </a:t>
            </a:r>
          </a:p>
        </p:txBody>
      </p:sp>
      <p:sp>
        <p:nvSpPr>
          <p:cNvPr id="44" name="מלבן 43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9" y="5919030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2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Weapon Transfers and Lines of Communication </a:t>
            </a:r>
          </a:p>
        </p:txBody>
      </p:sp>
      <p:sp>
        <p:nvSpPr>
          <p:cNvPr id="45" name="מלבן 44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96965" y="3265859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2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Continuous entrenchment and actions against Israel </a:t>
            </a:r>
          </a:p>
        </p:txBody>
      </p:sp>
      <p:sp>
        <p:nvSpPr>
          <p:cNvPr id="46" name="מלבן 45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96965" y="3905526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Negative influence on Regime </a:t>
            </a:r>
          </a:p>
        </p:txBody>
      </p:sp>
      <p:sp>
        <p:nvSpPr>
          <p:cNvPr id="47" name="מלבן 46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602326" y="4570173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2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hia militias</a:t>
            </a:r>
          </a:p>
        </p:txBody>
      </p:sp>
      <p:sp>
        <p:nvSpPr>
          <p:cNvPr id="48" name="מלבן 47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96965" y="5261451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lvl="0" algn="ctr">
              <a:spcBef>
                <a:spcPts val="1200"/>
              </a:spcBef>
              <a:defRPr/>
            </a:pPr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Quds Forces</a:t>
            </a:r>
            <a:endParaRPr lang="he-IL" sz="1400" dirty="0">
              <a:solidFill>
                <a:schemeClr val="tx1"/>
              </a:solidFill>
              <a:latin typeface="Segoe UI Semibold" panose="020B0702040204020203" pitchFamily="34" charset="0"/>
              <a:ea typeface="Segoe UI Black" panose="020B0A02040204020203" pitchFamily="34" charset="0"/>
              <a:cs typeface="Segoe UI Semibold" panose="020B0702040204020203" pitchFamily="34" charset="0"/>
            </a:endParaRPr>
          </a:p>
        </p:txBody>
      </p:sp>
      <p:sp>
        <p:nvSpPr>
          <p:cNvPr id="49" name="מלבן 48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49843" y="5915511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2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Cruise Missiles, SSMs, UAVs </a:t>
            </a:r>
          </a:p>
        </p:txBody>
      </p:sp>
      <p:sp>
        <p:nvSpPr>
          <p:cNvPr id="51" name="מלבן 50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3265859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4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Terror Army</a:t>
            </a:r>
          </a:p>
        </p:txBody>
      </p:sp>
      <p:sp>
        <p:nvSpPr>
          <p:cNvPr id="52" name="מלבן 51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3929152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4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SMs, PGMs </a:t>
            </a:r>
          </a:p>
        </p:txBody>
      </p:sp>
      <p:sp>
        <p:nvSpPr>
          <p:cNvPr id="53" name="מלבן 52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4592445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4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Maneuvers and Raids </a:t>
            </a:r>
          </a:p>
        </p:txBody>
      </p:sp>
      <p:sp>
        <p:nvSpPr>
          <p:cNvPr id="54" name="מלבן 53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5255738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4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Cyber and EW</a:t>
            </a:r>
          </a:p>
        </p:txBody>
      </p:sp>
      <p:sp>
        <p:nvSpPr>
          <p:cNvPr id="55" name="מלבן 54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5919030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4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Air Defense and anti-aircraft defense </a:t>
            </a:r>
          </a:p>
        </p:txBody>
      </p:sp>
    </p:spTree>
    <p:extLst>
      <p:ext uri="{BB962C8B-B14F-4D97-AF65-F5344CB8AC3E}">
        <p14:creationId xmlns:p14="http://schemas.microsoft.com/office/powerpoint/2010/main" val="2276221939"/>
      </p:ext>
    </p:extLst>
  </p:cSld>
  <p:clrMapOvr>
    <a:masterClrMapping/>
  </p:clrMapOvr>
  <p:transition spd="med"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6" name="קבוצה 55">
            <a:extLst>
              <a:ext uri="{FF2B5EF4-FFF2-40B4-BE49-F238E27FC236}">
                <a16:creationId xmlns:a16="http://schemas.microsoft.com/office/drawing/2014/main" id="{C4888800-87B5-433D-B9B3-E7348FAA485B}"/>
              </a:ext>
            </a:extLst>
          </p:cNvPr>
          <p:cNvGrpSpPr/>
          <p:nvPr/>
        </p:nvGrpSpPr>
        <p:grpSpPr>
          <a:xfrm>
            <a:off x="6178551" y="1390113"/>
            <a:ext cx="5217533" cy="886968"/>
            <a:chOff x="6178551" y="1390113"/>
            <a:chExt cx="5217533" cy="886968"/>
          </a:xfrm>
        </p:grpSpPr>
        <p:sp>
          <p:nvSpPr>
            <p:cNvPr id="58" name="מקבילית 57">
              <a:hlinkClick r:id="" action="ppaction://noaction"/>
              <a:extLst>
                <a:ext uri="{FF2B5EF4-FFF2-40B4-BE49-F238E27FC236}">
                  <a16:creationId xmlns:a16="http://schemas.microsoft.com/office/drawing/2014/main" id="{B89A335E-7198-4F0D-9FFB-506F6713209A}"/>
                </a:ext>
              </a:extLst>
            </p:cNvPr>
            <p:cNvSpPr/>
            <p:nvPr/>
          </p:nvSpPr>
          <p:spPr>
            <a:xfrm rot="10800000" flipH="1">
              <a:off x="6178551" y="1390113"/>
              <a:ext cx="521753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1" name="אליפסה 60">
              <a:hlinkClick r:id="" action="ppaction://noaction"/>
              <a:extLst>
                <a:ext uri="{FF2B5EF4-FFF2-40B4-BE49-F238E27FC236}">
                  <a16:creationId xmlns:a16="http://schemas.microsoft.com/office/drawing/2014/main" id="{3AE76078-7978-4AF2-8252-9BC43B70D415}"/>
                </a:ext>
              </a:extLst>
            </p:cNvPr>
            <p:cNvSpPr/>
            <p:nvPr/>
          </p:nvSpPr>
          <p:spPr>
            <a:xfrm>
              <a:off x="10303727" y="1451852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2" name="מלבן 61">
              <a:extLst>
                <a:ext uri="{FF2B5EF4-FFF2-40B4-BE49-F238E27FC236}">
                  <a16:creationId xmlns:a16="http://schemas.microsoft.com/office/drawing/2014/main" id="{546297A4-2C3A-4295-92F1-3891806367BD}"/>
                </a:ext>
              </a:extLst>
            </p:cNvPr>
            <p:cNvSpPr/>
            <p:nvPr/>
          </p:nvSpPr>
          <p:spPr>
            <a:xfrm>
              <a:off x="7997918" y="1511448"/>
              <a:ext cx="2302788" cy="7232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0" lvl="3" algn="ctr" rtl="0"/>
              <a:r>
                <a:rPr lang="en-US" sz="20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Precision</a:t>
              </a:r>
              <a:endParaRPr lang="en-US" sz="1400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  <a:p>
              <a:pPr marL="0" lvl="3" algn="ctr" rtl="0"/>
              <a:r>
                <a:rPr lang="en-US" sz="1050" dirty="0">
                  <a:solidFill>
                    <a:schemeClr val="bg1"/>
                  </a:solidFill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industry and self production – Rockets, SSMs, Cruise Missiles </a:t>
              </a:r>
            </a:p>
          </p:txBody>
        </p:sp>
        <p:pic>
          <p:nvPicPr>
            <p:cNvPr id="63" name="תמונה 62">
              <a:hlinkClick r:id="" action="ppaction://noaction"/>
              <a:extLst>
                <a:ext uri="{FF2B5EF4-FFF2-40B4-BE49-F238E27FC236}">
                  <a16:creationId xmlns:a16="http://schemas.microsoft.com/office/drawing/2014/main" id="{6EF52CB1-7E81-4507-AD17-81CFD1D63527}"/>
                </a:ext>
              </a:extLst>
            </p:cNvPr>
            <p:cNvPicPr>
              <a:picLocks noChangeAspect="1"/>
            </p:cNvPicPr>
            <p:nvPr/>
          </p:nvPicPr>
          <p:blipFill>
            <a:blip r:embed="rId2"/>
            <a:stretch>
              <a:fillRect/>
            </a:stretch>
          </p:blipFill>
          <p:spPr>
            <a:xfrm flipH="1">
              <a:off x="10445589" y="1548596"/>
              <a:ext cx="569914" cy="569914"/>
            </a:xfrm>
            <a:prstGeom prst="rect">
              <a:avLst/>
            </a:prstGeom>
          </p:spPr>
        </p:pic>
      </p:grpSp>
      <p:grpSp>
        <p:nvGrpSpPr>
          <p:cNvPr id="64" name="קבוצה 63">
            <a:extLst>
              <a:ext uri="{FF2B5EF4-FFF2-40B4-BE49-F238E27FC236}">
                <a16:creationId xmlns:a16="http://schemas.microsoft.com/office/drawing/2014/main" id="{411BC7A7-34C4-4682-BC4B-9AFB5663DA02}"/>
              </a:ext>
            </a:extLst>
          </p:cNvPr>
          <p:cNvGrpSpPr/>
          <p:nvPr/>
        </p:nvGrpSpPr>
        <p:grpSpPr>
          <a:xfrm>
            <a:off x="7080042" y="2331461"/>
            <a:ext cx="4695183" cy="886968"/>
            <a:chOff x="7080042" y="2331461"/>
            <a:chExt cx="4695183" cy="886968"/>
          </a:xfrm>
        </p:grpSpPr>
        <p:sp>
          <p:nvSpPr>
            <p:cNvPr id="65" name="מקבילית 64">
              <a:hlinkClick r:id="" action="ppaction://noaction"/>
              <a:extLst>
                <a:ext uri="{FF2B5EF4-FFF2-40B4-BE49-F238E27FC236}">
                  <a16:creationId xmlns:a16="http://schemas.microsoft.com/office/drawing/2014/main" id="{FBF7AF59-E31C-4565-8B1F-90109036A431}"/>
                </a:ext>
              </a:extLst>
            </p:cNvPr>
            <p:cNvSpPr/>
            <p:nvPr/>
          </p:nvSpPr>
          <p:spPr>
            <a:xfrm rot="10800000" flipH="1">
              <a:off x="7080042" y="2331461"/>
              <a:ext cx="469518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66" name="אליפסה 65">
              <a:hlinkClick r:id="" action="ppaction://noaction"/>
              <a:extLst>
                <a:ext uri="{FF2B5EF4-FFF2-40B4-BE49-F238E27FC236}">
                  <a16:creationId xmlns:a16="http://schemas.microsoft.com/office/drawing/2014/main" id="{7C6D52CB-E83F-466F-B83C-AD1203ACFCB1}"/>
                </a:ext>
              </a:extLst>
            </p:cNvPr>
            <p:cNvSpPr/>
            <p:nvPr/>
          </p:nvSpPr>
          <p:spPr>
            <a:xfrm>
              <a:off x="10699595" y="2403058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pic>
          <p:nvPicPr>
            <p:cNvPr id="67" name="תמונה 66">
              <a:hlinkClick r:id="" action="ppaction://noaction"/>
              <a:extLst>
                <a:ext uri="{FF2B5EF4-FFF2-40B4-BE49-F238E27FC236}">
                  <a16:creationId xmlns:a16="http://schemas.microsoft.com/office/drawing/2014/main" id="{0B41428D-564F-425E-B092-F4D608BBE688}"/>
                </a:ext>
              </a:extLst>
            </p:cNvPr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 rot="16200000">
              <a:off x="10780635" y="2461006"/>
              <a:ext cx="634758" cy="634758"/>
            </a:xfrm>
            <a:prstGeom prst="rect">
              <a:avLst/>
            </a:prstGeom>
          </p:spPr>
        </p:pic>
        <p:sp>
          <p:nvSpPr>
            <p:cNvPr id="69" name="מלבן 68">
              <a:extLst>
                <a:ext uri="{FF2B5EF4-FFF2-40B4-BE49-F238E27FC236}">
                  <a16:creationId xmlns:a16="http://schemas.microsoft.com/office/drawing/2014/main" id="{463ABEEB-6179-4DDD-A5DA-4EC21FC95A64}"/>
                </a:ext>
              </a:extLst>
            </p:cNvPr>
            <p:cNvSpPr/>
            <p:nvPr/>
          </p:nvSpPr>
          <p:spPr>
            <a:xfrm>
              <a:off x="8149034" y="2571005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UAV capabilities </a:t>
              </a:r>
            </a:p>
          </p:txBody>
        </p:sp>
      </p:grpSp>
      <p:grpSp>
        <p:nvGrpSpPr>
          <p:cNvPr id="70" name="קבוצה 69">
            <a:extLst>
              <a:ext uri="{FF2B5EF4-FFF2-40B4-BE49-F238E27FC236}">
                <a16:creationId xmlns:a16="http://schemas.microsoft.com/office/drawing/2014/main" id="{410F1A68-B210-430D-8FAA-5BD7CB570208}"/>
              </a:ext>
            </a:extLst>
          </p:cNvPr>
          <p:cNvGrpSpPr/>
          <p:nvPr/>
        </p:nvGrpSpPr>
        <p:grpSpPr>
          <a:xfrm>
            <a:off x="6901313" y="3279688"/>
            <a:ext cx="5067780" cy="873212"/>
            <a:chOff x="6901313" y="3279688"/>
            <a:chExt cx="5067780" cy="873212"/>
          </a:xfrm>
        </p:grpSpPr>
        <p:sp>
          <p:nvSpPr>
            <p:cNvPr id="72" name="צורה חופשית: צורה 19">
              <a:hlinkClick r:id="" action="ppaction://noaction"/>
              <a:extLst>
                <a:ext uri="{FF2B5EF4-FFF2-40B4-BE49-F238E27FC236}">
                  <a16:creationId xmlns:a16="http://schemas.microsoft.com/office/drawing/2014/main" id="{9E606A5E-E6A2-40E1-BFEB-61C88022029F}"/>
                </a:ext>
              </a:extLst>
            </p:cNvPr>
            <p:cNvSpPr/>
            <p:nvPr/>
          </p:nvSpPr>
          <p:spPr>
            <a:xfrm rot="10800000">
              <a:off x="6901313" y="3279688"/>
              <a:ext cx="5067780" cy="873212"/>
            </a:xfrm>
            <a:custGeom>
              <a:avLst/>
              <a:gdLst>
                <a:gd name="connsiteX0" fmla="*/ 170696 w 5067780"/>
                <a:gd name="connsiteY0" fmla="*/ 0 h 822732"/>
                <a:gd name="connsiteX1" fmla="*/ 5067780 w 5067780"/>
                <a:gd name="connsiteY1" fmla="*/ 0 h 822732"/>
                <a:gd name="connsiteX2" fmla="*/ 4897084 w 5067780"/>
                <a:gd name="connsiteY2" fmla="*/ 411366 h 822732"/>
                <a:gd name="connsiteX3" fmla="*/ 5067780 w 5067780"/>
                <a:gd name="connsiteY3" fmla="*/ 822732 h 822732"/>
                <a:gd name="connsiteX4" fmla="*/ 170696 w 5067780"/>
                <a:gd name="connsiteY4" fmla="*/ 822732 h 822732"/>
                <a:gd name="connsiteX5" fmla="*/ 0 w 5067780"/>
                <a:gd name="connsiteY5" fmla="*/ 411366 h 8227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5067780" h="822732">
                  <a:moveTo>
                    <a:pt x="170696" y="0"/>
                  </a:moveTo>
                  <a:lnTo>
                    <a:pt x="5067780" y="0"/>
                  </a:lnTo>
                  <a:lnTo>
                    <a:pt x="4897084" y="411366"/>
                  </a:lnTo>
                  <a:lnTo>
                    <a:pt x="5067780" y="822732"/>
                  </a:lnTo>
                  <a:lnTo>
                    <a:pt x="170696" y="822732"/>
                  </a:lnTo>
                  <a:lnTo>
                    <a:pt x="0" y="411366"/>
                  </a:lnTo>
                  <a:close/>
                </a:path>
              </a:pathLst>
            </a:cu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73" name="אליפסה 72">
              <a:hlinkClick r:id="" action="ppaction://noaction"/>
              <a:extLst>
                <a:ext uri="{FF2B5EF4-FFF2-40B4-BE49-F238E27FC236}">
                  <a16:creationId xmlns:a16="http://schemas.microsoft.com/office/drawing/2014/main" id="{1CBED22C-2EB2-49AC-9D55-89CE505F008A}"/>
                </a:ext>
              </a:extLst>
            </p:cNvPr>
            <p:cNvSpPr/>
            <p:nvPr/>
          </p:nvSpPr>
          <p:spPr>
            <a:xfrm>
              <a:off x="11092444" y="3344407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pic>
          <p:nvPicPr>
            <p:cNvPr id="74" name="תמונה 73">
              <a:hlinkClick r:id="" action="ppaction://noaction"/>
              <a:extLst>
                <a:ext uri="{FF2B5EF4-FFF2-40B4-BE49-F238E27FC236}">
                  <a16:creationId xmlns:a16="http://schemas.microsoft.com/office/drawing/2014/main" id="{B5CD5E48-9EA9-4460-AB70-3B0D94B7CF27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11154034" y="3411156"/>
              <a:ext cx="697231" cy="697231"/>
            </a:xfrm>
            <a:prstGeom prst="rect">
              <a:avLst/>
            </a:prstGeom>
          </p:spPr>
        </p:pic>
        <p:sp>
          <p:nvSpPr>
            <p:cNvPr id="75" name="מלבן 74">
              <a:extLst>
                <a:ext uri="{FF2B5EF4-FFF2-40B4-BE49-F238E27FC236}">
                  <a16:creationId xmlns:a16="http://schemas.microsoft.com/office/drawing/2014/main" id="{0B6656BA-619A-4223-9C3C-D58596315171}"/>
                </a:ext>
              </a:extLst>
            </p:cNvPr>
            <p:cNvSpPr/>
            <p:nvPr/>
          </p:nvSpPr>
          <p:spPr>
            <a:xfrm>
              <a:off x="8383434" y="3548441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Cyber </a:t>
              </a:r>
            </a:p>
          </p:txBody>
        </p:sp>
      </p:grpSp>
      <p:grpSp>
        <p:nvGrpSpPr>
          <p:cNvPr id="76" name="קבוצה 75">
            <a:extLst>
              <a:ext uri="{FF2B5EF4-FFF2-40B4-BE49-F238E27FC236}">
                <a16:creationId xmlns:a16="http://schemas.microsoft.com/office/drawing/2014/main" id="{090EE3C3-B159-47C6-BD0F-AAAF774E8B2E}"/>
              </a:ext>
            </a:extLst>
          </p:cNvPr>
          <p:cNvGrpSpPr/>
          <p:nvPr/>
        </p:nvGrpSpPr>
        <p:grpSpPr>
          <a:xfrm>
            <a:off x="5839523" y="5155507"/>
            <a:ext cx="5571893" cy="886968"/>
            <a:chOff x="5839523" y="5155507"/>
            <a:chExt cx="5571893" cy="886968"/>
          </a:xfrm>
        </p:grpSpPr>
        <p:sp>
          <p:nvSpPr>
            <p:cNvPr id="77" name="מקבילית 76">
              <a:hlinkClick r:id="" action="ppaction://noaction"/>
              <a:extLst>
                <a:ext uri="{FF2B5EF4-FFF2-40B4-BE49-F238E27FC236}">
                  <a16:creationId xmlns:a16="http://schemas.microsoft.com/office/drawing/2014/main" id="{FAE27796-ED43-4B85-985B-E4A2B686DB6E}"/>
                </a:ext>
              </a:extLst>
            </p:cNvPr>
            <p:cNvSpPr/>
            <p:nvPr/>
          </p:nvSpPr>
          <p:spPr>
            <a:xfrm rot="10800000">
              <a:off x="5839523" y="5155507"/>
              <a:ext cx="557189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78" name="אליפסה 77">
              <a:hlinkClick r:id="" action="ppaction://noaction"/>
              <a:extLst>
                <a:ext uri="{FF2B5EF4-FFF2-40B4-BE49-F238E27FC236}">
                  <a16:creationId xmlns:a16="http://schemas.microsoft.com/office/drawing/2014/main" id="{AD85DDFF-ED1A-4CD2-829B-1BCA426C39CE}"/>
                </a:ext>
              </a:extLst>
            </p:cNvPr>
            <p:cNvSpPr/>
            <p:nvPr/>
          </p:nvSpPr>
          <p:spPr>
            <a:xfrm>
              <a:off x="10300706" y="5227104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79" name="מלבן 78">
              <a:extLst>
                <a:ext uri="{FF2B5EF4-FFF2-40B4-BE49-F238E27FC236}">
                  <a16:creationId xmlns:a16="http://schemas.microsoft.com/office/drawing/2014/main" id="{7FA77E47-F983-42C4-A3EB-8513C5CDD8D8}"/>
                </a:ext>
              </a:extLst>
            </p:cNvPr>
            <p:cNvSpPr/>
            <p:nvPr/>
          </p:nvSpPr>
          <p:spPr>
            <a:xfrm>
              <a:off x="7578022" y="5263047"/>
              <a:ext cx="2979490" cy="70788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Cheap Products </a:t>
              </a:r>
              <a:r>
                <a:rPr lang="en-US" sz="1600" dirty="0">
                  <a:solidFill>
                    <a:schemeClr val="bg1"/>
                  </a:solidFill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Drones, kites </a:t>
              </a:r>
              <a:endParaRPr lang="en-US" sz="2400" dirty="0">
                <a:solidFill>
                  <a:schemeClr val="bg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</p:txBody>
        </p:sp>
        <p:pic>
          <p:nvPicPr>
            <p:cNvPr id="80" name="תמונה 79">
              <a:hlinkClick r:id="" action="ppaction://noaction"/>
              <a:extLst>
                <a:ext uri="{FF2B5EF4-FFF2-40B4-BE49-F238E27FC236}">
                  <a16:creationId xmlns:a16="http://schemas.microsoft.com/office/drawing/2014/main" id="{6454114E-F515-4234-8AC0-CF15DF65BB4F}"/>
                </a:ext>
              </a:extLst>
            </p:cNvPr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>
              <a:off x="10415567" y="5319385"/>
              <a:ext cx="562014" cy="562014"/>
            </a:xfrm>
            <a:prstGeom prst="rect">
              <a:avLst/>
            </a:prstGeom>
          </p:spPr>
        </p:pic>
      </p:grpSp>
      <p:grpSp>
        <p:nvGrpSpPr>
          <p:cNvPr id="81" name="קבוצה 80">
            <a:extLst>
              <a:ext uri="{FF2B5EF4-FFF2-40B4-BE49-F238E27FC236}">
                <a16:creationId xmlns:a16="http://schemas.microsoft.com/office/drawing/2014/main" id="{1582069E-F3B9-4227-81FC-9404D02A57D1}"/>
              </a:ext>
            </a:extLst>
          </p:cNvPr>
          <p:cNvGrpSpPr/>
          <p:nvPr/>
        </p:nvGrpSpPr>
        <p:grpSpPr>
          <a:xfrm>
            <a:off x="6716231" y="4214159"/>
            <a:ext cx="5067780" cy="886968"/>
            <a:chOff x="6716231" y="4214159"/>
            <a:chExt cx="5067780" cy="886968"/>
          </a:xfrm>
        </p:grpSpPr>
        <p:sp>
          <p:nvSpPr>
            <p:cNvPr id="82" name="מקבילית 81">
              <a:hlinkClick r:id="" action="ppaction://noaction"/>
              <a:extLst>
                <a:ext uri="{FF2B5EF4-FFF2-40B4-BE49-F238E27FC236}">
                  <a16:creationId xmlns:a16="http://schemas.microsoft.com/office/drawing/2014/main" id="{0B8859AD-62C4-4A18-ACD7-F5F5B6BF4B4D}"/>
                </a:ext>
              </a:extLst>
            </p:cNvPr>
            <p:cNvSpPr/>
            <p:nvPr/>
          </p:nvSpPr>
          <p:spPr>
            <a:xfrm rot="10800000">
              <a:off x="6716231" y="4214159"/>
              <a:ext cx="5067780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83" name="אליפסה 82">
              <a:hlinkClick r:id="" action="ppaction://noaction"/>
              <a:extLst>
                <a:ext uri="{FF2B5EF4-FFF2-40B4-BE49-F238E27FC236}">
                  <a16:creationId xmlns:a16="http://schemas.microsoft.com/office/drawing/2014/main" id="{C11C4F44-8DF8-4260-96A6-B8043D0CAFA6}"/>
                </a:ext>
              </a:extLst>
            </p:cNvPr>
            <p:cNvSpPr/>
            <p:nvPr/>
          </p:nvSpPr>
          <p:spPr>
            <a:xfrm>
              <a:off x="10696575" y="4285756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84" name="מלבן 83">
              <a:extLst>
                <a:ext uri="{FF2B5EF4-FFF2-40B4-BE49-F238E27FC236}">
                  <a16:creationId xmlns:a16="http://schemas.microsoft.com/office/drawing/2014/main" id="{73EDD14E-CC75-43F7-8E1A-A27C24B79253}"/>
                </a:ext>
              </a:extLst>
            </p:cNvPr>
            <p:cNvSpPr/>
            <p:nvPr/>
          </p:nvSpPr>
          <p:spPr>
            <a:xfrm>
              <a:off x="8112953" y="4497727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EW Spectrum </a:t>
              </a:r>
            </a:p>
          </p:txBody>
        </p:sp>
        <p:pic>
          <p:nvPicPr>
            <p:cNvPr id="85" name="תמונה 84">
              <a:hlinkClick r:id="" action="ppaction://noaction"/>
              <a:extLst>
                <a:ext uri="{FF2B5EF4-FFF2-40B4-BE49-F238E27FC236}">
                  <a16:creationId xmlns:a16="http://schemas.microsoft.com/office/drawing/2014/main" id="{78DB4314-91C6-4A2F-BFCA-29B427E5AD7A}"/>
                </a:ext>
              </a:extLst>
            </p:cNvPr>
            <p:cNvPicPr>
              <a:picLocks noChangeAspect="1"/>
            </p:cNvPicPr>
            <p:nvPr/>
          </p:nvPicPr>
          <p:blipFill>
            <a:blip r:embed="rId6"/>
            <a:stretch>
              <a:fillRect/>
            </a:stretch>
          </p:blipFill>
          <p:spPr>
            <a:xfrm>
              <a:off x="10700984" y="4283145"/>
              <a:ext cx="746384" cy="746384"/>
            </a:xfrm>
            <a:prstGeom prst="rect">
              <a:avLst/>
            </a:prstGeom>
          </p:spPr>
        </p:pic>
      </p:grpSp>
      <p:grpSp>
        <p:nvGrpSpPr>
          <p:cNvPr id="86" name="קבוצה 85">
            <a:extLst>
              <a:ext uri="{FF2B5EF4-FFF2-40B4-BE49-F238E27FC236}">
                <a16:creationId xmlns:a16="http://schemas.microsoft.com/office/drawing/2014/main" id="{F10DC142-C577-439C-BEDA-ED48DCC3BD68}"/>
              </a:ext>
            </a:extLst>
          </p:cNvPr>
          <p:cNvGrpSpPr/>
          <p:nvPr/>
        </p:nvGrpSpPr>
        <p:grpSpPr>
          <a:xfrm>
            <a:off x="780584" y="1390113"/>
            <a:ext cx="5571893" cy="886968"/>
            <a:chOff x="780584" y="1390113"/>
            <a:chExt cx="5571893" cy="886968"/>
          </a:xfrm>
        </p:grpSpPr>
        <p:sp>
          <p:nvSpPr>
            <p:cNvPr id="87" name="מקבילית 86">
              <a:hlinkClick r:id="" action="ppaction://noaction"/>
              <a:extLst>
                <a:ext uri="{FF2B5EF4-FFF2-40B4-BE49-F238E27FC236}">
                  <a16:creationId xmlns:a16="http://schemas.microsoft.com/office/drawing/2014/main" id="{482BA506-765C-415D-97EE-BC07BE385FBC}"/>
                </a:ext>
              </a:extLst>
            </p:cNvPr>
            <p:cNvSpPr/>
            <p:nvPr/>
          </p:nvSpPr>
          <p:spPr>
            <a:xfrm>
              <a:off x="780584" y="1390113"/>
              <a:ext cx="557189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88" name="אליפסה 87">
              <a:hlinkClick r:id="" action="ppaction://noaction"/>
              <a:extLst>
                <a:ext uri="{FF2B5EF4-FFF2-40B4-BE49-F238E27FC236}">
                  <a16:creationId xmlns:a16="http://schemas.microsoft.com/office/drawing/2014/main" id="{B4386BD8-BD87-4A89-80CB-42FABB1CA959}"/>
                </a:ext>
              </a:extLst>
            </p:cNvPr>
            <p:cNvSpPr/>
            <p:nvPr/>
          </p:nvSpPr>
          <p:spPr>
            <a:xfrm flipH="1">
              <a:off x="1129452" y="1456780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89" name="מלבן 88">
              <a:extLst>
                <a:ext uri="{FF2B5EF4-FFF2-40B4-BE49-F238E27FC236}">
                  <a16:creationId xmlns:a16="http://schemas.microsoft.com/office/drawing/2014/main" id="{F88096D0-CDC7-405A-A5CB-48243A8915F4}"/>
                </a:ext>
              </a:extLst>
            </p:cNvPr>
            <p:cNvSpPr/>
            <p:nvPr/>
          </p:nvSpPr>
          <p:spPr>
            <a:xfrm>
              <a:off x="1834139" y="1656845"/>
              <a:ext cx="2979490" cy="40011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0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Nuclear Challenge </a:t>
              </a:r>
            </a:p>
          </p:txBody>
        </p:sp>
      </p:grpSp>
      <p:grpSp>
        <p:nvGrpSpPr>
          <p:cNvPr id="90" name="קבוצה 89">
            <a:extLst>
              <a:ext uri="{FF2B5EF4-FFF2-40B4-BE49-F238E27FC236}">
                <a16:creationId xmlns:a16="http://schemas.microsoft.com/office/drawing/2014/main" id="{F444551B-67F0-400E-9DD2-E28A3E6472CB}"/>
              </a:ext>
            </a:extLst>
          </p:cNvPr>
          <p:cNvGrpSpPr/>
          <p:nvPr/>
        </p:nvGrpSpPr>
        <p:grpSpPr>
          <a:xfrm>
            <a:off x="407989" y="2331461"/>
            <a:ext cx="5067780" cy="1248703"/>
            <a:chOff x="407989" y="2331461"/>
            <a:chExt cx="5067780" cy="1248703"/>
          </a:xfrm>
        </p:grpSpPr>
        <p:sp>
          <p:nvSpPr>
            <p:cNvPr id="91" name="מקבילית 90">
              <a:hlinkClick r:id="" action="ppaction://noaction"/>
              <a:extLst>
                <a:ext uri="{FF2B5EF4-FFF2-40B4-BE49-F238E27FC236}">
                  <a16:creationId xmlns:a16="http://schemas.microsoft.com/office/drawing/2014/main" id="{B98DE4CE-2C6D-4DC0-8C6A-6DB6D20FD157}"/>
                </a:ext>
              </a:extLst>
            </p:cNvPr>
            <p:cNvSpPr/>
            <p:nvPr/>
          </p:nvSpPr>
          <p:spPr>
            <a:xfrm>
              <a:off x="407989" y="2331461"/>
              <a:ext cx="5067780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92" name="אליפסה 91">
              <a:hlinkClick r:id="" action="ppaction://noaction"/>
              <a:extLst>
                <a:ext uri="{FF2B5EF4-FFF2-40B4-BE49-F238E27FC236}">
                  <a16:creationId xmlns:a16="http://schemas.microsoft.com/office/drawing/2014/main" id="{0C7BF291-050E-4852-BC86-87338843FF5F}"/>
                </a:ext>
              </a:extLst>
            </p:cNvPr>
            <p:cNvSpPr/>
            <p:nvPr/>
          </p:nvSpPr>
          <p:spPr>
            <a:xfrm flipH="1">
              <a:off x="733584" y="2407986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93" name="מלבן 92">
              <a:extLst>
                <a:ext uri="{FF2B5EF4-FFF2-40B4-BE49-F238E27FC236}">
                  <a16:creationId xmlns:a16="http://schemas.microsoft.com/office/drawing/2014/main" id="{5A946776-CEE9-4A6C-A783-1C27F17C3E9A}"/>
                </a:ext>
              </a:extLst>
            </p:cNvPr>
            <p:cNvSpPr/>
            <p:nvPr/>
          </p:nvSpPr>
          <p:spPr>
            <a:xfrm>
              <a:off x="1274621" y="2379835"/>
              <a:ext cx="2979490" cy="120032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Advance air Defense capabilities</a:t>
              </a:r>
            </a:p>
          </p:txBody>
        </p:sp>
        <p:pic>
          <p:nvPicPr>
            <p:cNvPr id="94" name="An object">
              <a:hlinkClick r:id="" action="ppaction://noaction"/>
              <a:extLst>
                <a:ext uri="{FF2B5EF4-FFF2-40B4-BE49-F238E27FC236}">
                  <a16:creationId xmlns:a16="http://schemas.microsoft.com/office/drawing/2014/main" id="{02D9E153-D2CA-47C1-8D68-1BEA752D5E08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7" cstate="email">
              <a:duotone>
                <a:prstClr val="black"/>
                <a:schemeClr val="tx1">
                  <a:tint val="45000"/>
                  <a:satMod val="400000"/>
                </a:schemeClr>
              </a:duotone>
              <a:extLst>
                <a:ext uri="{BEBA8EAE-BF5A-486C-A8C5-ECC9F3942E4B}">
                  <a14:imgProps xmlns:a14="http://schemas.microsoft.com/office/drawing/2010/main">
                    <a14:imgLayer r:embed="rId8">
                      <a14:imgEffect>
                        <a14:backgroundRemoval t="3974" b="95364" l="10938" r="96563"/>
                      </a14:imgEffect>
                      <a14:imgEffect>
                        <a14:brightnessContrast bright="-91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725305" y="2585448"/>
              <a:ext cx="762183" cy="372849"/>
            </a:xfrm>
            <a:prstGeom prst="rect">
              <a:avLst/>
            </a:prstGeom>
          </p:spPr>
        </p:pic>
      </p:grpSp>
      <p:grpSp>
        <p:nvGrpSpPr>
          <p:cNvPr id="95" name="קבוצה 94">
            <a:extLst>
              <a:ext uri="{FF2B5EF4-FFF2-40B4-BE49-F238E27FC236}">
                <a16:creationId xmlns:a16="http://schemas.microsoft.com/office/drawing/2014/main" id="{C7D6A50F-9F36-4B48-8562-80A872170384}"/>
              </a:ext>
            </a:extLst>
          </p:cNvPr>
          <p:cNvGrpSpPr/>
          <p:nvPr/>
        </p:nvGrpSpPr>
        <p:grpSpPr>
          <a:xfrm>
            <a:off x="222907" y="3279688"/>
            <a:ext cx="5067780" cy="932125"/>
            <a:chOff x="222907" y="3279688"/>
            <a:chExt cx="5067780" cy="932125"/>
          </a:xfrm>
        </p:grpSpPr>
        <p:sp>
          <p:nvSpPr>
            <p:cNvPr id="96" name="צורה חופשית: צורה 18">
              <a:hlinkClick r:id="" action="ppaction://noaction"/>
              <a:extLst>
                <a:ext uri="{FF2B5EF4-FFF2-40B4-BE49-F238E27FC236}">
                  <a16:creationId xmlns:a16="http://schemas.microsoft.com/office/drawing/2014/main" id="{A7D902A4-A44D-4671-B549-51B7FCA497B6}"/>
                </a:ext>
              </a:extLst>
            </p:cNvPr>
            <p:cNvSpPr/>
            <p:nvPr/>
          </p:nvSpPr>
          <p:spPr>
            <a:xfrm>
              <a:off x="222907" y="3279688"/>
              <a:ext cx="5067780" cy="873212"/>
            </a:xfrm>
            <a:custGeom>
              <a:avLst/>
              <a:gdLst>
                <a:gd name="connsiteX0" fmla="*/ 170696 w 5067780"/>
                <a:gd name="connsiteY0" fmla="*/ 0 h 822732"/>
                <a:gd name="connsiteX1" fmla="*/ 5067780 w 5067780"/>
                <a:gd name="connsiteY1" fmla="*/ 0 h 822732"/>
                <a:gd name="connsiteX2" fmla="*/ 4897084 w 5067780"/>
                <a:gd name="connsiteY2" fmla="*/ 411366 h 822732"/>
                <a:gd name="connsiteX3" fmla="*/ 5067780 w 5067780"/>
                <a:gd name="connsiteY3" fmla="*/ 822732 h 822732"/>
                <a:gd name="connsiteX4" fmla="*/ 170696 w 5067780"/>
                <a:gd name="connsiteY4" fmla="*/ 822732 h 822732"/>
                <a:gd name="connsiteX5" fmla="*/ 0 w 5067780"/>
                <a:gd name="connsiteY5" fmla="*/ 411366 h 8227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5067780" h="822732">
                  <a:moveTo>
                    <a:pt x="170696" y="0"/>
                  </a:moveTo>
                  <a:lnTo>
                    <a:pt x="5067780" y="0"/>
                  </a:lnTo>
                  <a:lnTo>
                    <a:pt x="4897084" y="411366"/>
                  </a:lnTo>
                  <a:lnTo>
                    <a:pt x="5067780" y="822732"/>
                  </a:lnTo>
                  <a:lnTo>
                    <a:pt x="170696" y="822732"/>
                  </a:lnTo>
                  <a:lnTo>
                    <a:pt x="0" y="411366"/>
                  </a:lnTo>
                  <a:close/>
                </a:path>
              </a:pathLst>
            </a:cu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97" name="אליפסה 96">
              <a:hlinkClick r:id="" action="ppaction://noaction"/>
              <a:extLst>
                <a:ext uri="{FF2B5EF4-FFF2-40B4-BE49-F238E27FC236}">
                  <a16:creationId xmlns:a16="http://schemas.microsoft.com/office/drawing/2014/main" id="{3148BD07-0FBB-4255-9FC9-94CC2776EEF9}"/>
                </a:ext>
              </a:extLst>
            </p:cNvPr>
            <p:cNvSpPr/>
            <p:nvPr/>
          </p:nvSpPr>
          <p:spPr>
            <a:xfrm flipH="1">
              <a:off x="340735" y="3349335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98" name="מלבן 97">
              <a:extLst>
                <a:ext uri="{FF2B5EF4-FFF2-40B4-BE49-F238E27FC236}">
                  <a16:creationId xmlns:a16="http://schemas.microsoft.com/office/drawing/2014/main" id="{D7ECA4FB-FE35-4AC8-BC70-A10AD192A0FE}"/>
                </a:ext>
              </a:extLst>
            </p:cNvPr>
            <p:cNvSpPr/>
            <p:nvPr/>
          </p:nvSpPr>
          <p:spPr>
            <a:xfrm>
              <a:off x="1244261" y="3365427"/>
              <a:ext cx="2451811" cy="84638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 fontAlgn="base">
                <a:lnSpc>
                  <a:spcPct val="80000"/>
                </a:lnSpc>
                <a:spcBef>
                  <a:spcPct val="0"/>
                </a:spcBef>
                <a:spcAft>
                  <a:spcPct val="0"/>
                </a:spcAft>
              </a:pPr>
              <a:r>
                <a:rPr lang="en-US" sz="20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Segoe UI Black" panose="020B0A02040204020203" pitchFamily="34" charset="0"/>
                  <a:ea typeface="Segoe UI Black" panose="020B0A02040204020203" pitchFamily="34" charset="0"/>
                  <a:cs typeface="+mj-cs"/>
                </a:rPr>
                <a:t>Sub-Terran and Multi Domain warfare</a:t>
              </a:r>
              <a:endParaRPr lang="he-IL" sz="2000" dirty="0">
                <a:solidFill>
                  <a:schemeClr val="bg1"/>
                </a:solidFill>
                <a:effectLst>
                  <a:outerShdw blurRad="50800" dist="38100" dir="5400000" algn="t" rotWithShape="0">
                    <a:prstClr val="black">
                      <a:alpha val="40000"/>
                    </a:prstClr>
                  </a:outerShdw>
                </a:effectLst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endParaRPr>
            </a:p>
          </p:txBody>
        </p:sp>
        <p:sp>
          <p:nvSpPr>
            <p:cNvPr id="101" name="מעגל חלקי 70">
              <a:extLst>
                <a:ext uri="{FF2B5EF4-FFF2-40B4-BE49-F238E27FC236}">
                  <a16:creationId xmlns:a16="http://schemas.microsoft.com/office/drawing/2014/main" id="{1EB0532A-26D6-4232-8675-9EDABA6DADFD}"/>
                </a:ext>
              </a:extLst>
            </p:cNvPr>
            <p:cNvSpPr/>
            <p:nvPr/>
          </p:nvSpPr>
          <p:spPr>
            <a:xfrm rot="5400000">
              <a:off x="398929" y="3601324"/>
              <a:ext cx="669310" cy="423018"/>
            </a:xfrm>
            <a:prstGeom prst="pie">
              <a:avLst>
                <a:gd name="adj1" fmla="val 5404546"/>
                <a:gd name="adj2" fmla="val 16200000"/>
              </a:avLst>
            </a:prstGeom>
            <a:solidFill>
              <a:srgbClr val="2727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02" name="מעגל חלקי 71">
              <a:extLst>
                <a:ext uri="{FF2B5EF4-FFF2-40B4-BE49-F238E27FC236}">
                  <a16:creationId xmlns:a16="http://schemas.microsoft.com/office/drawing/2014/main" id="{1BB4DBC6-4DFB-4AF7-9CA6-83B021FF8B16}"/>
                </a:ext>
              </a:extLst>
            </p:cNvPr>
            <p:cNvSpPr/>
            <p:nvPr/>
          </p:nvSpPr>
          <p:spPr>
            <a:xfrm rot="5400000">
              <a:off x="460876" y="3669951"/>
              <a:ext cx="545416" cy="353874"/>
            </a:xfrm>
            <a:prstGeom prst="pie">
              <a:avLst>
                <a:gd name="adj1" fmla="val 5404546"/>
                <a:gd name="adj2" fmla="val 16200000"/>
              </a:avLst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05" name="מעגל חלקי 72">
              <a:hlinkClick r:id="" action="ppaction://noaction"/>
              <a:extLst>
                <a:ext uri="{FF2B5EF4-FFF2-40B4-BE49-F238E27FC236}">
                  <a16:creationId xmlns:a16="http://schemas.microsoft.com/office/drawing/2014/main" id="{D5D72824-E548-4009-80CA-39E521582254}"/>
                </a:ext>
              </a:extLst>
            </p:cNvPr>
            <p:cNvSpPr/>
            <p:nvPr/>
          </p:nvSpPr>
          <p:spPr>
            <a:xfrm rot="5400000">
              <a:off x="552714" y="3695456"/>
              <a:ext cx="361739" cy="235656"/>
            </a:xfrm>
            <a:prstGeom prst="pie">
              <a:avLst>
                <a:gd name="adj1" fmla="val 5404546"/>
                <a:gd name="adj2" fmla="val 16200000"/>
              </a:avLst>
            </a:prstGeom>
            <a:solidFill>
              <a:srgbClr val="2727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</p:grpSp>
      <p:grpSp>
        <p:nvGrpSpPr>
          <p:cNvPr id="106" name="קבוצה 105">
            <a:extLst>
              <a:ext uri="{FF2B5EF4-FFF2-40B4-BE49-F238E27FC236}">
                <a16:creationId xmlns:a16="http://schemas.microsoft.com/office/drawing/2014/main" id="{1B3E8C0D-C407-40B8-AA7E-5348ACFBA22B}"/>
              </a:ext>
            </a:extLst>
          </p:cNvPr>
          <p:cNvGrpSpPr/>
          <p:nvPr/>
        </p:nvGrpSpPr>
        <p:grpSpPr>
          <a:xfrm>
            <a:off x="416775" y="4214159"/>
            <a:ext cx="4695183" cy="886968"/>
            <a:chOff x="416775" y="4214159"/>
            <a:chExt cx="4695183" cy="886968"/>
          </a:xfrm>
        </p:grpSpPr>
        <p:sp>
          <p:nvSpPr>
            <p:cNvPr id="107" name="מקבילית 106">
              <a:extLst>
                <a:ext uri="{FF2B5EF4-FFF2-40B4-BE49-F238E27FC236}">
                  <a16:creationId xmlns:a16="http://schemas.microsoft.com/office/drawing/2014/main" id="{39712431-2526-46A5-B86B-92166DA2A9AC}"/>
                </a:ext>
              </a:extLst>
            </p:cNvPr>
            <p:cNvSpPr/>
            <p:nvPr/>
          </p:nvSpPr>
          <p:spPr>
            <a:xfrm flipH="1">
              <a:off x="416775" y="4214159"/>
              <a:ext cx="469518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12" name="אליפסה 111">
              <a:extLst>
                <a:ext uri="{FF2B5EF4-FFF2-40B4-BE49-F238E27FC236}">
                  <a16:creationId xmlns:a16="http://schemas.microsoft.com/office/drawing/2014/main" id="{BAAC74A8-54BB-4530-8E1D-4FC0C912C3EC}"/>
                </a:ext>
              </a:extLst>
            </p:cNvPr>
            <p:cNvSpPr/>
            <p:nvPr/>
          </p:nvSpPr>
          <p:spPr>
            <a:xfrm flipH="1">
              <a:off x="736604" y="4290684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14" name="מלבן 113">
              <a:extLst>
                <a:ext uri="{FF2B5EF4-FFF2-40B4-BE49-F238E27FC236}">
                  <a16:creationId xmlns:a16="http://schemas.microsoft.com/office/drawing/2014/main" id="{967FB577-7CEC-4FC0-A919-D0535DB490BF}"/>
                </a:ext>
              </a:extLst>
            </p:cNvPr>
            <p:cNvSpPr/>
            <p:nvPr/>
          </p:nvSpPr>
          <p:spPr>
            <a:xfrm>
              <a:off x="1197484" y="4416041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 ATGM array </a:t>
              </a:r>
            </a:p>
          </p:txBody>
        </p:sp>
        <p:pic>
          <p:nvPicPr>
            <p:cNvPr id="116" name="Picture 156">
              <a:extLst>
                <a:ext uri="{FF2B5EF4-FFF2-40B4-BE49-F238E27FC236}">
                  <a16:creationId xmlns:a16="http://schemas.microsoft.com/office/drawing/2014/main" id="{60D4BDE1-653A-4D39-9E48-ECF2AA9A29F4}"/>
                </a:ext>
              </a:extLst>
            </p:cNvPr>
            <p:cNvPicPr>
              <a:picLocks noChangeAspect="1"/>
            </p:cNvPicPr>
            <p:nvPr/>
          </p:nvPicPr>
          <p:blipFill>
            <a:blip r:embed="rId9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841436" y="4546600"/>
              <a:ext cx="552648" cy="269560"/>
            </a:xfrm>
            <a:prstGeom prst="rect">
              <a:avLst/>
            </a:prstGeom>
          </p:spPr>
        </p:pic>
      </p:grpSp>
      <p:grpSp>
        <p:nvGrpSpPr>
          <p:cNvPr id="117" name="קבוצה 116">
            <a:extLst>
              <a:ext uri="{FF2B5EF4-FFF2-40B4-BE49-F238E27FC236}">
                <a16:creationId xmlns:a16="http://schemas.microsoft.com/office/drawing/2014/main" id="{48FD2C5B-9C55-4863-980F-D656438DA56F}"/>
              </a:ext>
            </a:extLst>
          </p:cNvPr>
          <p:cNvGrpSpPr/>
          <p:nvPr/>
        </p:nvGrpSpPr>
        <p:grpSpPr>
          <a:xfrm>
            <a:off x="795916" y="5155507"/>
            <a:ext cx="5217533" cy="1241478"/>
            <a:chOff x="795916" y="5155507"/>
            <a:chExt cx="5217533" cy="1241478"/>
          </a:xfrm>
        </p:grpSpPr>
        <p:sp>
          <p:nvSpPr>
            <p:cNvPr id="119" name="מקבילית 118">
              <a:extLst>
                <a:ext uri="{FF2B5EF4-FFF2-40B4-BE49-F238E27FC236}">
                  <a16:creationId xmlns:a16="http://schemas.microsoft.com/office/drawing/2014/main" id="{9CC8CFC3-A312-4F70-B0FE-ECDE01299C64}"/>
                </a:ext>
              </a:extLst>
            </p:cNvPr>
            <p:cNvSpPr/>
            <p:nvPr/>
          </p:nvSpPr>
          <p:spPr>
            <a:xfrm flipH="1">
              <a:off x="795916" y="5155507"/>
              <a:ext cx="521753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21" name="אליפסה 120">
              <a:extLst>
                <a:ext uri="{FF2B5EF4-FFF2-40B4-BE49-F238E27FC236}">
                  <a16:creationId xmlns:a16="http://schemas.microsoft.com/office/drawing/2014/main" id="{92C72F0C-B538-426E-B732-5596E63A45DD}"/>
                </a:ext>
              </a:extLst>
            </p:cNvPr>
            <p:cNvSpPr/>
            <p:nvPr/>
          </p:nvSpPr>
          <p:spPr>
            <a:xfrm flipH="1">
              <a:off x="1132473" y="5232032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22" name="מלבן 121">
              <a:extLst>
                <a:ext uri="{FF2B5EF4-FFF2-40B4-BE49-F238E27FC236}">
                  <a16:creationId xmlns:a16="http://schemas.microsoft.com/office/drawing/2014/main" id="{B8C5D0A9-E871-41E1-9010-E5CD8AF01DF5}"/>
                </a:ext>
              </a:extLst>
            </p:cNvPr>
            <p:cNvSpPr/>
            <p:nvPr/>
          </p:nvSpPr>
          <p:spPr>
            <a:xfrm>
              <a:off x="1688922" y="5196656"/>
              <a:ext cx="2979490" cy="120032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Offensive and Defensive approach </a:t>
              </a:r>
            </a:p>
          </p:txBody>
        </p:sp>
        <p:pic>
          <p:nvPicPr>
            <p:cNvPr id="123" name="תמונה 122">
              <a:extLst>
                <a:ext uri="{FF2B5EF4-FFF2-40B4-BE49-F238E27FC236}">
                  <a16:creationId xmlns:a16="http://schemas.microsoft.com/office/drawing/2014/main" id="{15CD4664-D0E2-4AFE-BAED-330372A6E862}"/>
                </a:ext>
              </a:extLst>
            </p:cNvPr>
            <p:cNvPicPr>
              <a:picLocks noChangeAspect="1"/>
            </p:cNvPicPr>
            <p:nvPr/>
          </p:nvPicPr>
          <p:blipFill>
            <a:blip r:embed="rId10"/>
            <a:stretch>
              <a:fillRect/>
            </a:stretch>
          </p:blipFill>
          <p:spPr>
            <a:xfrm>
              <a:off x="1294866" y="5272532"/>
              <a:ext cx="679243" cy="679243"/>
            </a:xfrm>
            <a:prstGeom prst="rect">
              <a:avLst/>
            </a:prstGeom>
          </p:spPr>
        </p:pic>
      </p:grpSp>
      <p:pic>
        <p:nvPicPr>
          <p:cNvPr id="124" name="תמונה 123">
            <a:extLst>
              <a:ext uri="{FF2B5EF4-FFF2-40B4-BE49-F238E27FC236}">
                <a16:creationId xmlns:a16="http://schemas.microsoft.com/office/drawing/2014/main" id="{7030AC2D-7156-4EE5-B993-7D3A46051CB1}"/>
              </a:ext>
            </a:extLst>
          </p:cNvPr>
          <p:cNvPicPr>
            <a:picLocks noChangeAspect="1"/>
          </p:cNvPicPr>
          <p:nvPr/>
        </p:nvPicPr>
        <p:blipFill rotWithShape="1">
          <a:blip r:embed="rId11"/>
          <a:srcRect l="664" t="24059" r="37212" b="20646"/>
          <a:stretch/>
        </p:blipFill>
        <p:spPr>
          <a:xfrm>
            <a:off x="3373645" y="1243584"/>
            <a:ext cx="5749510" cy="5120282"/>
          </a:xfrm>
          <a:prstGeom prst="rect">
            <a:avLst/>
          </a:prstGeo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sp>
        <p:nvSpPr>
          <p:cNvPr id="125" name="כותרת 4">
            <a:extLst>
              <a:ext uri="{FF2B5EF4-FFF2-40B4-BE49-F238E27FC236}">
                <a16:creationId xmlns:a16="http://schemas.microsoft.com/office/drawing/2014/main" id="{4DED051C-5813-4059-B28F-AB5430E8D3DC}"/>
              </a:ext>
            </a:extLst>
          </p:cNvPr>
          <p:cNvSpPr txBox="1">
            <a:spLocks/>
          </p:cNvSpPr>
          <p:nvPr/>
        </p:nvSpPr>
        <p:spPr>
          <a:xfrm>
            <a:off x="4605531" y="3407643"/>
            <a:ext cx="3152386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2"/>
                </a:solidFill>
                <a:effectLst>
                  <a:outerShdw blurRad="50800" dist="38100" dir="2700000" algn="tl" rotWithShape="0">
                    <a:schemeClr val="tx2">
                      <a:alpha val="40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pPr algn="ctr" rtl="0"/>
            <a:r>
              <a:rPr lang="en-US" sz="4800" dirty="0">
                <a:solidFill>
                  <a:srgbClr val="FF0000"/>
                </a:solidFill>
                <a:effectLst/>
                <a:latin typeface="Segoe UI Black" panose="020B0A02040204020203" pitchFamily="34" charset="0"/>
                <a:ea typeface="Segoe UI Black" panose="020B0A02040204020203" pitchFamily="34" charset="0"/>
              </a:rPr>
              <a:t>Enemy’s Build-Up</a:t>
            </a:r>
            <a:endParaRPr lang="he-IL" sz="4800" dirty="0">
              <a:solidFill>
                <a:srgbClr val="FF0000"/>
              </a:solidFill>
              <a:effectLst/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pic>
        <p:nvPicPr>
          <p:cNvPr id="60" name="Picture 6" descr="תמונה">
            <a:hlinkClick r:id="" action="ppaction://noaction"/>
          </p:cNvPr>
          <p:cNvPicPr>
            <a:picLocks noChangeAspect="1" noChangeArrowheads="1"/>
          </p:cNvPicPr>
          <p:nvPr/>
        </p:nvPicPr>
        <p:blipFill>
          <a:blip r:embed="rId1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93759" y="1643421"/>
            <a:ext cx="456800" cy="4075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41172948"/>
      </p:ext>
    </p:extLst>
  </p:cSld>
  <p:clrMapOvr>
    <a:masterClrMapping/>
  </p:clrMapOvr>
  <p:transition spd="med"/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מציין מיקום של תמונה 5"/>
          <p:cNvSpPr>
            <a:spLocks noGrp="1"/>
          </p:cNvSpPr>
          <p:nvPr>
            <p:ph type="pic" sz="quarter" idx="4294967295"/>
          </p:nvPr>
        </p:nvSpPr>
        <p:spPr>
          <a:xfrm>
            <a:off x="0" y="0"/>
            <a:ext cx="8064500" cy="6858000"/>
          </a:xfrm>
        </p:spPr>
      </p:sp>
      <p:pic>
        <p:nvPicPr>
          <p:cNvPr id="9" name="תמונה 8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1"/>
            <a:ext cx="9105900" cy="6829425"/>
          </a:xfrm>
          <a:prstGeom prst="rect">
            <a:avLst/>
          </a:prstGeom>
        </p:spPr>
      </p:pic>
      <p:sp>
        <p:nvSpPr>
          <p:cNvPr id="5" name="כותרת 8"/>
          <p:cNvSpPr>
            <a:spLocks noGrp="1"/>
          </p:cNvSpPr>
          <p:nvPr>
            <p:ph type="title"/>
          </p:nvPr>
        </p:nvSpPr>
        <p:spPr>
          <a:xfrm>
            <a:off x="6929610" y="424944"/>
            <a:ext cx="4863570" cy="4210555"/>
          </a:xfrm>
        </p:spPr>
        <p:txBody>
          <a:bodyPr/>
          <a:lstStyle/>
          <a:p>
            <a:pPr algn="ctr"/>
            <a:r>
              <a:rPr lang="en-US" dirty="0">
                <a:latin typeface="Segoe UI Black" panose="020B0A02040204020203" pitchFamily="34" charset="0"/>
                <a:ea typeface="Segoe UI Black" panose="020B0A02040204020203" pitchFamily="34" charset="0"/>
              </a:rPr>
              <a:t>what will the 2030 war look like?</a:t>
            </a:r>
            <a:endParaRPr lang="he-IL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061920864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042400" cy="6867106"/>
          </a:xfrm>
          <a:prstGeom prst="rect">
            <a:avLst/>
          </a:prstGeom>
        </p:spPr>
      </p:pic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 rtl="0"/>
            <a:r>
              <a:rPr lang="en-US" dirty="0">
                <a:latin typeface="Segoe UI Black" panose="020B0A02040204020203" pitchFamily="34" charset="0"/>
                <a:ea typeface="Segoe UI Black" panose="020B0A02040204020203" pitchFamily="34" charset="0"/>
              </a:rPr>
              <a:t>A surprise and a whack</a:t>
            </a:r>
            <a:endParaRPr lang="he-IL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39921369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8880593" cy="6743700"/>
          </a:xfrm>
          <a:prstGeom prst="rect">
            <a:avLst/>
          </a:prstGeom>
        </p:spPr>
      </p:pic>
      <p:sp>
        <p:nvSpPr>
          <p:cNvPr id="4" name="כותרת 8">
            <a:extLst>
              <a:ext uri="{FF2B5EF4-FFF2-40B4-BE49-F238E27FC236}">
                <a16:creationId xmlns:a16="http://schemas.microsoft.com/office/drawing/2014/main" id="{9E5C2429-8B4B-4479-87D2-C8F70C3015BD}"/>
              </a:ext>
            </a:extLst>
          </p:cNvPr>
          <p:cNvSpPr txBox="1">
            <a:spLocks/>
          </p:cNvSpPr>
          <p:nvPr/>
        </p:nvSpPr>
        <p:spPr>
          <a:xfrm>
            <a:off x="8049658" y="1422874"/>
            <a:ext cx="3955055" cy="4210555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>
                <a:solidFill>
                  <a:schemeClr val="bg1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pPr algn="ctr" rtl="0"/>
            <a:r>
              <a:rPr lang="en-US" dirty="0">
                <a:latin typeface="Segoe UI Black" panose="020B0A02040204020203" pitchFamily="34" charset="0"/>
                <a:ea typeface="Segoe UI Black" panose="020B0A02040204020203" pitchFamily="34" charset="0"/>
              </a:rPr>
              <a:t>Precision Fire, Lethality, </a:t>
            </a:r>
          </a:p>
          <a:p>
            <a:pPr algn="ctr" rtl="0"/>
            <a:r>
              <a:rPr lang="en-US" dirty="0">
                <a:latin typeface="Segoe UI Black" panose="020B0A02040204020203" pitchFamily="34" charset="0"/>
                <a:ea typeface="Segoe UI Black" panose="020B0A02040204020203" pitchFamily="34" charset="0"/>
              </a:rPr>
              <a:t>National and Security infrastructure</a:t>
            </a:r>
            <a:endParaRPr lang="he-IL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F36DE85E-EA65-431F-BE60-3958CF1DE41D}"/>
              </a:ext>
            </a:extLst>
          </p:cNvPr>
          <p:cNvSpPr txBox="1"/>
          <p:nvPr/>
        </p:nvSpPr>
        <p:spPr>
          <a:xfrm>
            <a:off x="3741314" y="2674502"/>
            <a:ext cx="1416061" cy="33855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ISRAEL</a:t>
            </a:r>
            <a:endParaRPr lang="he-IL" sz="1600" b="1" dirty="0">
              <a:solidFill>
                <a:srgbClr val="FFFFFF"/>
              </a:solidFill>
              <a:latin typeface="Gisha" panose="020B0502040204020203" pitchFamily="34" charset="-79"/>
              <a:cs typeface="Gisha" panose="020B0502040204020203" pitchFamily="34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1862241327"/>
      </p:ext>
    </p:extLst>
  </p:cSld>
  <p:clrMapOvr>
    <a:masterClrMapping/>
  </p:clrMapOvr>
</p:sld>
</file>

<file path=ppt/theme/theme1.xml><?xml version="1.0" encoding="utf-8"?>
<a:theme xmlns:a="http://schemas.openxmlformats.org/drawingml/2006/main" name="עיצוב מותאם אישית">
  <a:themeElements>
    <a:clrScheme name="סיפור התרש">
      <a:dk1>
        <a:sysClr val="windowText" lastClr="000000"/>
      </a:dk1>
      <a:lt1>
        <a:srgbClr val="F9F8ED"/>
      </a:lt1>
      <a:dk2>
        <a:srgbClr val="1F4E5F"/>
      </a:dk2>
      <a:lt2>
        <a:srgbClr val="F4E7D3"/>
      </a:lt2>
      <a:accent1>
        <a:srgbClr val="0881A3"/>
      </a:accent1>
      <a:accent2>
        <a:srgbClr val="A42208"/>
      </a:accent2>
      <a:accent3>
        <a:srgbClr val="08A469"/>
      </a:accent3>
      <a:accent4>
        <a:srgbClr val="D4910A"/>
      </a:accent4>
      <a:accent5>
        <a:srgbClr val="7B08A4"/>
      </a:accent5>
      <a:accent6>
        <a:srgbClr val="D9E30B"/>
      </a:accent6>
      <a:hlink>
        <a:srgbClr val="0563C1"/>
      </a:hlink>
      <a:folHlink>
        <a:srgbClr val="954F72"/>
      </a:folHlink>
    </a:clrScheme>
    <a:fontScheme name="התאמה אישית 1">
      <a:majorFont>
        <a:latin typeface="Calibri Light"/>
        <a:ea typeface=""/>
        <a:cs typeface="Heebo Black"/>
      </a:majorFont>
      <a:minorFont>
        <a:latin typeface="Calibri"/>
        <a:ea typeface=""/>
        <a:cs typeface="Heebo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12_עיצוב מותאם אישית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טמפלתי">
  <a:themeElements>
    <a:clrScheme name="עיצוב ברירת מחדל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עיצוב ברירת מחדל">
      <a:majorFont>
        <a:latin typeface="Arial"/>
        <a:ea typeface=""/>
        <a:cs typeface="Guttman Hatzvi"/>
      </a:majorFont>
      <a:minorFont>
        <a:latin typeface="Arial"/>
        <a:ea typeface=""/>
        <a:cs typeface="Guttman Hatzv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r" defTabSz="914400" rtl="1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he-IL" sz="18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pitchFamily="34" charset="0"/>
            <a:cs typeface="Arial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r" defTabSz="914400" rtl="1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he-IL" sz="18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pitchFamily="34" charset="0"/>
            <a:cs typeface="Arial" pitchFamily="34" charset="0"/>
          </a:defRPr>
        </a:defPPr>
      </a:lstStyle>
    </a:lnDef>
  </a:objectDefaults>
  <a:extraClrSchemeLst>
    <a:extraClrScheme>
      <a:clrScheme name="עיצוב ברירת מחדל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7_עיצוב מותאם אישית">
  <a:themeElements>
    <a:clrScheme name="אגת 2017">
      <a:dk1>
        <a:sysClr val="windowText" lastClr="000000"/>
      </a:dk1>
      <a:lt1>
        <a:sysClr val="window" lastClr="FFFFFF"/>
      </a:lt1>
      <a:dk2>
        <a:srgbClr val="1F497D"/>
      </a:dk2>
      <a:lt2>
        <a:srgbClr val="ECEBE4"/>
      </a:lt2>
      <a:accent1>
        <a:srgbClr val="337AA5"/>
      </a:accent1>
      <a:accent2>
        <a:srgbClr val="A53333"/>
      </a:accent2>
      <a:accent3>
        <a:srgbClr val="8DA533"/>
      </a:accent3>
      <a:accent4>
        <a:srgbClr val="86548E"/>
      </a:accent4>
      <a:accent5>
        <a:srgbClr val="E4D61A"/>
      </a:accent5>
      <a:accent6>
        <a:srgbClr val="D37723"/>
      </a:accent6>
      <a:hlink>
        <a:srgbClr val="0086D8"/>
      </a:hlink>
      <a:folHlink>
        <a:srgbClr val="800080"/>
      </a:folHlink>
    </a:clrScheme>
    <a:fontScheme name="התאמה אישית 8">
      <a:majorFont>
        <a:latin typeface="Aharoni"/>
        <a:ea typeface=""/>
        <a:cs typeface="Aharoni"/>
      </a:majorFont>
      <a:minorFont>
        <a:latin typeface="Calibri"/>
        <a:ea typeface=""/>
        <a:cs typeface="Gish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chemeClr val="bg1"/>
        </a:solidFill>
        <a:ln>
          <a:noFill/>
        </a:ln>
        <a:effectLst>
          <a:outerShdw blurRad="50800" dist="38100" dir="2700000" algn="tl" rotWithShape="0">
            <a:prstClr val="black">
              <a:alpha val="40000"/>
            </a:prstClr>
          </a:outerShdw>
        </a:effectLst>
      </a:spPr>
      <a:bodyPr rtlCol="1" anchor="ctr"/>
      <a:lstStyle>
        <a:defPPr>
          <a:defRPr sz="2000" dirty="0" err="1" smtClean="0">
            <a:solidFill>
              <a:schemeClr val="accent1"/>
            </a:solidFill>
            <a:latin typeface="Heebo Medium" panose="00000600000000000000" charset="-79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תבנית אסט חדשה" id="{46A6193E-1D9C-4B6F-80C8-C4C725DD745E}" vid="{F722D6B4-D069-401B-B265-6AA9D8BCB480}"/>
    </a:ext>
  </a:extLst>
</a:theme>
</file>

<file path=ppt/theme/theme5.xml><?xml version="1.0" encoding="utf-8"?>
<a:theme xmlns:a="http://schemas.openxmlformats.org/drawingml/2006/main" name="1_עיצוב מותאם אישית">
  <a:themeElements>
    <a:clrScheme name="סיפור התרש">
      <a:dk1>
        <a:sysClr val="windowText" lastClr="000000"/>
      </a:dk1>
      <a:lt1>
        <a:srgbClr val="F9F8ED"/>
      </a:lt1>
      <a:dk2>
        <a:srgbClr val="1F4E5F"/>
      </a:dk2>
      <a:lt2>
        <a:srgbClr val="F4E7D3"/>
      </a:lt2>
      <a:accent1>
        <a:srgbClr val="0881A3"/>
      </a:accent1>
      <a:accent2>
        <a:srgbClr val="A42208"/>
      </a:accent2>
      <a:accent3>
        <a:srgbClr val="08A469"/>
      </a:accent3>
      <a:accent4>
        <a:srgbClr val="D4910A"/>
      </a:accent4>
      <a:accent5>
        <a:srgbClr val="7B08A4"/>
      </a:accent5>
      <a:accent6>
        <a:srgbClr val="D9E30B"/>
      </a:accent6>
      <a:hlink>
        <a:srgbClr val="0563C1"/>
      </a:hlink>
      <a:folHlink>
        <a:srgbClr val="954F72"/>
      </a:folHlink>
    </a:clrScheme>
    <a:fontScheme name="התאמה אישית 1">
      <a:majorFont>
        <a:latin typeface="Calibri Light"/>
        <a:ea typeface=""/>
        <a:cs typeface="Heebo Black"/>
      </a:majorFont>
      <a:minorFont>
        <a:latin typeface="Calibri"/>
        <a:ea typeface=""/>
        <a:cs typeface="Heebo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6.xml><?xml version="1.0" encoding="utf-8"?>
<a:theme xmlns:a="http://schemas.openxmlformats.org/drawingml/2006/main" name="2_עיצוב מותאם אישית">
  <a:themeElements>
    <a:clrScheme name="סיפור התרש">
      <a:dk1>
        <a:sysClr val="windowText" lastClr="000000"/>
      </a:dk1>
      <a:lt1>
        <a:srgbClr val="F9F8ED"/>
      </a:lt1>
      <a:dk2>
        <a:srgbClr val="1F4E5F"/>
      </a:dk2>
      <a:lt2>
        <a:srgbClr val="F4E7D3"/>
      </a:lt2>
      <a:accent1>
        <a:srgbClr val="0881A3"/>
      </a:accent1>
      <a:accent2>
        <a:srgbClr val="A42208"/>
      </a:accent2>
      <a:accent3>
        <a:srgbClr val="08A469"/>
      </a:accent3>
      <a:accent4>
        <a:srgbClr val="D4910A"/>
      </a:accent4>
      <a:accent5>
        <a:srgbClr val="7B08A4"/>
      </a:accent5>
      <a:accent6>
        <a:srgbClr val="D9E30B"/>
      </a:accent6>
      <a:hlink>
        <a:srgbClr val="0563C1"/>
      </a:hlink>
      <a:folHlink>
        <a:srgbClr val="954F72"/>
      </a:folHlink>
    </a:clrScheme>
    <a:fontScheme name="התאמה אישית 1">
      <a:majorFont>
        <a:latin typeface="Calibri Light"/>
        <a:ea typeface=""/>
        <a:cs typeface="Heebo Black"/>
      </a:majorFont>
      <a:minorFont>
        <a:latin typeface="Calibri"/>
        <a:ea typeface=""/>
        <a:cs typeface="Heebo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7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8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KM_CubeContact xmlns="http://schemas.microsoft.com/sharepoint/v3">- - -</KM_CubeContact>
    <KM_Signature xmlns="http://schemas.microsoft.com/sharepoint/v3">- - -</KM_Signature>
    <KM_BccJSON xmlns="http://schemas.microsoft.com/sharepoint/v3">[]</KM_BccJSON>
    <KM_PermissionsDescription xmlns="http://schemas.microsoft.com/sharepoint/v3"> ‏</KM_PermissionsDescription>
    <KM_PermissionsType xmlns="http://schemas.microsoft.com/sharepoint/v3">inheritance</KM_PermissionsType>
    <KM_Date xmlns="http://schemas.microsoft.com/sharepoint/v3">2019-11-08T22:00:00+00:00</KM_Date>
    <KM_ToText xmlns="http://schemas.microsoft.com/sharepoint/v3">- - -</KM_ToText>
    <KM_CcJSON xmlns="http://schemas.microsoft.com/sharepoint/v3">[]</KM_CcJSON>
    <KM_Classification xmlns="http://schemas.microsoft.com/sharepoint/v3">סודי ביותר</KM_Classification>
    <_x05e9__x05d9__x05d5__x05da__x0020__x05dc__x05e0__x05d5__x05e9__x05d0_ xmlns="bd27081b-3179-4fe8-85d2-b5a63d121cab">2</_x05e9__x05d9__x05d5__x05da__x0020__x05dc__x05e0__x05d5__x05e9__x05d0_>
    <KM_Cube xmlns="http://schemas.microsoft.com/sharepoint/v3">- - -</KM_Cube>
    <KM_CcText xmlns="http://schemas.microsoft.com/sharepoint/v3">- - -</KM_CcText>
    <KM_ToJSON xmlns="http://schemas.microsoft.com/sharepoint/v3">[]</KM_ToJSON>
    <KM_BccText xmlns="http://schemas.microsoft.com/sharepoint/v3">- - -</KM_BccText>
    <KM_HebDate xmlns="http://schemas.microsoft.com/sharepoint/v3">י"א בחשון התש"פ</KM_HebDate>
    <KM_DocumentID xmlns="http://schemas.microsoft.com/sharepoint/v3">101612-4-76</KM_DocumentID>
    <KM_EngDate xmlns="http://schemas.microsoft.com/sharepoint/v3">09 בנובמבר 2019</KM_EngDate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מסמך ניהול ידע" ma:contentTypeID="0x010100943ED66BDDA44E3D91E5D50BD8238E6200AC59DD853984FF44AF6087C6DB7EAD6F" ma:contentTypeVersion="5" ma:contentTypeDescription="צור מסמך חדש." ma:contentTypeScope="" ma:versionID="b6cc85490d896b381f0aa5184ea7d467">
  <xsd:schema xmlns:xsd="http://www.w3.org/2001/XMLSchema" xmlns:xs="http://www.w3.org/2001/XMLSchema" xmlns:p="http://schemas.microsoft.com/office/2006/metadata/properties" xmlns:ns1="http://schemas.microsoft.com/sharepoint/v3" xmlns:ns2="bd27081b-3179-4fe8-85d2-b5a63d121cab" xmlns:ns3="8721e719-b45b-4bd6-be59-3c272022f40f" targetNamespace="http://schemas.microsoft.com/office/2006/metadata/properties" ma:root="true" ma:fieldsID="a0df77c8fe74aba302477109e15bf745" ns1:_="" ns2:_="" ns3:_="">
    <xsd:import namespace="http://schemas.microsoft.com/sharepoint/v3"/>
    <xsd:import namespace="bd27081b-3179-4fe8-85d2-b5a63d121cab"/>
    <xsd:import namespace="8721e719-b45b-4bd6-be59-3c272022f40f"/>
    <xsd:element name="properties">
      <xsd:complexType>
        <xsd:sequence>
          <xsd:element name="documentManagement">
            <xsd:complexType>
              <xsd:all>
                <xsd:element ref="ns1:KM_DocumentID" minOccurs="0"/>
                <xsd:element ref="ns1:KM_Classification"/>
                <xsd:element ref="ns1:KM_Cube" minOccurs="0"/>
                <xsd:element ref="ns1:KM_CubeContact" minOccurs="0"/>
                <xsd:element ref="ns1:KM_Signature" minOccurs="0"/>
                <xsd:element ref="ns1:KM_ToText" minOccurs="0"/>
                <xsd:element ref="ns1:KM_CcText" minOccurs="0"/>
                <xsd:element ref="ns1:KM_BccText" minOccurs="0"/>
                <xsd:element ref="ns1:KM_EngDate" minOccurs="0"/>
                <xsd:element ref="ns1:KM_HebDate" minOccurs="0"/>
                <xsd:element ref="ns1:KM_PermissionsType" minOccurs="0"/>
                <xsd:element ref="ns1:KM_ToJSON" minOccurs="0"/>
                <xsd:element ref="ns1:KM_CcJSON" minOccurs="0"/>
                <xsd:element ref="ns1:KM_BccJSON" minOccurs="0"/>
                <xsd:element ref="ns1:KM_Date"/>
                <xsd:element ref="ns1:KM_PermissionsDescription" minOccurs="0"/>
                <xsd:element ref="ns2:_x05e9__x05d9__x05d5__x05da__x0020__x05dc__x05e0__x05d5__x05e9__x05d0_" minOccurs="0"/>
                <xsd:element ref="ns3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KM_DocumentID" ma:index="8" nillable="true" ma:displayName="סימוכין" ma:internalName="KM_DocumentID" ma:readOnly="true">
      <xsd:simpleType>
        <xsd:restriction base="dms:Text"/>
      </xsd:simpleType>
    </xsd:element>
    <xsd:element name="KM_Classification" ma:index="9" ma:displayName="סיווג" ma:default="סודי" ma:format="RadioButtons" ma:internalName="KM_Classification">
      <xsd:simpleType>
        <xsd:restriction base="dms:Choice">
          <xsd:enumeration value="בלמ&quot;ס"/>
          <xsd:enumeration value="שמור"/>
          <xsd:enumeration value="סודי"/>
          <xsd:enumeration value="סודי ביותר"/>
        </xsd:restriction>
      </xsd:simpleType>
    </xsd:element>
    <xsd:element name="KM_Cube" ma:index="10" nillable="true" ma:displayName="קוביה - ארגון" ma:description="הזן את פרטי הארגון עבור קוביה זו. לדוגמא,&#10;&quot;ענף ניהול ידע&#10;יחידת מטכ&quot;ל&quot;" ma:internalName="KM_Cube">
      <xsd:simpleType>
        <xsd:restriction base="dms:Note"/>
      </xsd:simpleType>
    </xsd:element>
    <xsd:element name="KM_CubeContact" ma:index="11" nillable="true" ma:displayName="קוביה - פרטי קשר" ma:description="הזן את פרטי הקשר של הארגון עבור קוביה זו. לדוגמא,&#10;&quot;מטכ&quot;לי - 0000-1234&#10;אדום - 000-1234&#10;פקס - 03-0001111&quot;" ma:internalName="KM_CubeContact">
      <xsd:simpleType>
        <xsd:restriction base="dms:Note"/>
      </xsd:simpleType>
    </xsd:element>
    <xsd:element name="KM_Signature" ma:index="12" nillable="true" ma:displayName="חתימה" ma:description="הזן את פרטי חתימתך (יישור החתימה מתבצע אוטומטית במסמך). לדוגמא,&#10; &quot;אל&quot;מ ישראל ישראלי&#10;מפקד יחידת ניהול ידע&quot;" ma:internalName="KM_Signature">
      <xsd:simpleType>
        <xsd:restriction base="dms:Note">
          <xsd:maxLength value="255"/>
        </xsd:restriction>
      </xsd:simpleType>
    </xsd:element>
    <xsd:element name="KM_ToText" ma:index="13" nillable="true" ma:displayName="אל" ma:internalName="KM_ToText">
      <xsd:simpleType>
        <xsd:restriction base="dms:Note"/>
      </xsd:simpleType>
    </xsd:element>
    <xsd:element name="KM_CcText" ma:index="14" nillable="true" ma:displayName="עותק" ma:internalName="KM_CcText">
      <xsd:simpleType>
        <xsd:restriction base="dms:Note"/>
      </xsd:simpleType>
    </xsd:element>
    <xsd:element name="KM_BccText" ma:index="15" nillable="true" ma:displayName="עותק נסתר" ma:internalName="KM_BccText">
      <xsd:simpleType>
        <xsd:restriction base="dms:Note"/>
      </xsd:simpleType>
    </xsd:element>
    <xsd:element name="KM_EngDate" ma:index="16" nillable="true" ma:displayName="תאריך יצירה לועזי" ma:internalName="KM_EngDate" ma:readOnly="true">
      <xsd:simpleType>
        <xsd:restriction base="dms:Text"/>
      </xsd:simpleType>
    </xsd:element>
    <xsd:element name="KM_HebDate" ma:index="17" nillable="true" ma:displayName="תאריך יצירה עברי" ma:internalName="KM_HebDate" ma:readOnly="true">
      <xsd:simpleType>
        <xsd:restriction base="dms:Text"/>
      </xsd:simpleType>
    </xsd:element>
    <xsd:element name="KM_PermissionsType" ma:index="18" nillable="true" ma:displayName="סוג הרשאות" ma:hidden="true" ma:internalName="KM_PermissionsType">
      <xsd:simpleType>
        <xsd:restriction base="dms:Text"/>
      </xsd:simpleType>
    </xsd:element>
    <xsd:element name="KM_ToJSON" ma:index="19" nillable="true" ma:displayName="אל" ma:hidden="true" ma:internalName="KM_ToJSON">
      <xsd:simpleType>
        <xsd:restriction base="dms:Note"/>
      </xsd:simpleType>
    </xsd:element>
    <xsd:element name="KM_CcJSON" ma:index="20" nillable="true" ma:displayName="עותק" ma:hidden="true" ma:internalName="KM_CcJSON">
      <xsd:simpleType>
        <xsd:restriction base="dms:Note"/>
      </xsd:simpleType>
    </xsd:element>
    <xsd:element name="KM_BccJSON" ma:index="21" nillable="true" ma:displayName="עותק נסתר" ma:hidden="true" ma:internalName="KM_BccJSON">
      <xsd:simpleType>
        <xsd:restriction base="dms:Note"/>
      </xsd:simpleType>
    </xsd:element>
    <xsd:element name="KM_Date" ma:index="22" ma:displayName="תאריך" ma:default="[today]" ma:format="DateOnly" ma:hidden="true" ma:internalName="KM_Date">
      <xsd:simpleType>
        <xsd:restriction base="dms:DateTime"/>
      </xsd:simpleType>
    </xsd:element>
    <xsd:element name="KM_PermissionsDescription" ma:index="23" nillable="true" ma:displayName="הרשאות גישה" ma:internalName="KM_PermissionsDescrip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d27081b-3179-4fe8-85d2-b5a63d121cab" elementFormDefault="qualified">
    <xsd:import namespace="http://schemas.microsoft.com/office/2006/documentManagement/types"/>
    <xsd:import namespace="http://schemas.microsoft.com/office/infopath/2007/PartnerControls"/>
    <xsd:element name="_x05e9__x05d9__x05d5__x05da__x0020__x05dc__x05e0__x05d5__x05e9__x05d0_" ma:index="24" nillable="true" ma:displayName="שיוך לנושא" ma:list="{42627ffa-76d5-41c1-99eb-2e087f6981b3}" ma:internalName="_x05e9__x05d9__x05d5__x05da__x0020__x05dc__x05e0__x05d5__x05e9__x05d0_" ma:showField="Title">
      <xsd:simpleType>
        <xsd:restriction base="dms:Lookup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721e719-b45b-4bd6-be59-3c272022f40f" elementFormDefault="qualified">
    <xsd:import namespace="http://schemas.microsoft.com/office/2006/documentManagement/types"/>
    <xsd:import namespace="http://schemas.microsoft.com/office/infopath/2007/PartnerControls"/>
    <xsd:element name="SharedWithUsers" ma:index="25" nillable="true" ma:displayName="משותף עם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סוג תוכן"/>
        <xsd:element ref="dc:title" minOccurs="0" maxOccurs="1" ma:index="4" ma:displayName="כותרת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AEE6BC1-5D93-4F67-B541-C53D5A4E7BA0}">
  <ds:schemaRefs>
    <ds:schemaRef ds:uri="http://schemas.microsoft.com/office/2006/documentManagement/types"/>
    <ds:schemaRef ds:uri="http://purl.org/dc/terms/"/>
    <ds:schemaRef ds:uri="http://schemas.openxmlformats.org/package/2006/metadata/core-properties"/>
    <ds:schemaRef ds:uri="http://purl.org/dc/elements/1.1/"/>
    <ds:schemaRef ds:uri="http://purl.org/dc/dcmitype/"/>
    <ds:schemaRef ds:uri="http://schemas.microsoft.com/office/infopath/2007/PartnerControls"/>
    <ds:schemaRef ds:uri="http://schemas.microsoft.com/office/2006/metadata/properties"/>
    <ds:schemaRef ds:uri="8721e719-b45b-4bd6-be59-3c272022f40f"/>
    <ds:schemaRef ds:uri="bd27081b-3179-4fe8-85d2-b5a63d121cab"/>
    <ds:schemaRef ds:uri="http://schemas.microsoft.com/sharepoint/v3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245D7847-ED2D-4A14-9C7E-FE10833BB2A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bd27081b-3179-4fe8-85d2-b5a63d121cab"/>
    <ds:schemaRef ds:uri="8721e719-b45b-4bd6-be59-3c272022f40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8B68A73A-04EE-48F9-AD1F-13CAF354DA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14961</TotalTime>
  <Words>680</Words>
  <Application>Microsoft Office PowerPoint</Application>
  <PresentationFormat>Widescreen</PresentationFormat>
  <Paragraphs>178</Paragraphs>
  <Slides>28</Slides>
  <Notes>2</Notes>
  <HiddenSlides>0</HiddenSlides>
  <MMClips>0</MMClips>
  <ScaleCrop>false</ScaleCrop>
  <HeadingPairs>
    <vt:vector size="8" baseType="variant">
      <vt:variant>
        <vt:lpstr>Fonts Used</vt:lpstr>
      </vt:variant>
      <vt:variant>
        <vt:i4>15</vt:i4>
      </vt:variant>
      <vt:variant>
        <vt:lpstr>Theme</vt:lpstr>
      </vt:variant>
      <vt:variant>
        <vt:i4>6</vt:i4>
      </vt:variant>
      <vt:variant>
        <vt:lpstr>Slide Titles</vt:lpstr>
      </vt:variant>
      <vt:variant>
        <vt:i4>28</vt:i4>
      </vt:variant>
      <vt:variant>
        <vt:lpstr>Custom Shows</vt:lpstr>
      </vt:variant>
      <vt:variant>
        <vt:i4>1</vt:i4>
      </vt:variant>
    </vt:vector>
  </HeadingPairs>
  <TitlesOfParts>
    <vt:vector size="50" baseType="lpstr">
      <vt:lpstr>Calibri</vt:lpstr>
      <vt:lpstr>Gisha</vt:lpstr>
      <vt:lpstr>Calibri Light</vt:lpstr>
      <vt:lpstr>Tahoma</vt:lpstr>
      <vt:lpstr>Heebo Medium</vt:lpstr>
      <vt:lpstr>Rockwell</vt:lpstr>
      <vt:lpstr>Segoe UI Semibold</vt:lpstr>
      <vt:lpstr>Segoe UI Black</vt:lpstr>
      <vt:lpstr>Arial</vt:lpstr>
      <vt:lpstr>Guttman Hatzvi</vt:lpstr>
      <vt:lpstr>Segoe UI Semilight</vt:lpstr>
      <vt:lpstr>Arial Black</vt:lpstr>
      <vt:lpstr>Heebo</vt:lpstr>
      <vt:lpstr>Wingdings</vt:lpstr>
      <vt:lpstr>Aharoni</vt:lpstr>
      <vt:lpstr>עיצוב מותאם אישית</vt:lpstr>
      <vt:lpstr>12_עיצוב מותאם אישית</vt:lpstr>
      <vt:lpstr>טמפלתי</vt:lpstr>
      <vt:lpstr>7_עיצוב מותאם אישית</vt:lpstr>
      <vt:lpstr>1_עיצוב מותאם אישית</vt:lpstr>
      <vt:lpstr>2_עיצוב מותאם אישית</vt:lpstr>
      <vt:lpstr>International Simulation Summit, 2019</vt:lpstr>
      <vt:lpstr>Strategic Assesmnet</vt:lpstr>
      <vt:lpstr>PowerPoint Presentation</vt:lpstr>
      <vt:lpstr>PowerPoint Presentation</vt:lpstr>
      <vt:lpstr>PowerPoint Presentation</vt:lpstr>
      <vt:lpstr>PowerPoint Presentation</vt:lpstr>
      <vt:lpstr>what will the 2030 war look like?</vt:lpstr>
      <vt:lpstr>A surprise and a whack</vt:lpstr>
      <vt:lpstr>PowerPoint Presentation</vt:lpstr>
      <vt:lpstr>Precision Fire, Lethality,  National and Security infrastructure</vt:lpstr>
      <vt:lpstr>Fire from many locations</vt:lpstr>
      <vt:lpstr>Information Operations</vt:lpstr>
      <vt:lpstr>PowerPoint Presentation</vt:lpstr>
      <vt:lpstr>Efforts enabling new concept</vt:lpstr>
      <vt:lpstr>Directions in Force Build-Up</vt:lpstr>
      <vt:lpstr>simultaneity   Gathering capabilities  Joint Territorial Capabilities </vt:lpstr>
      <vt:lpstr> Utilization of information in the tactical level  Develop and protect networks    </vt:lpstr>
      <vt:lpstr>   Advanced Capabilities   Precision and Immunity  </vt:lpstr>
      <vt:lpstr>BMD</vt:lpstr>
      <vt:lpstr>Enhance Technological Capabilities to the tactical end-user</vt:lpstr>
      <vt:lpstr>Systemic immunity and survivability    </vt:lpstr>
      <vt:lpstr>Autonomous Automation and Robotics in the Battlefield</vt:lpstr>
      <vt:lpstr>PowerPoint Presentation</vt:lpstr>
      <vt:lpstr>PowerPoint Presentation</vt:lpstr>
      <vt:lpstr>PowerPoint Presentation</vt:lpstr>
      <vt:lpstr>Spectrum and EW</vt:lpstr>
      <vt:lpstr>  Ground and Air  </vt:lpstr>
      <vt:lpstr>PowerPoint Presentation</vt:lpstr>
      <vt:lpstr>תמרון רב זרועי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תר''ש תנופה לשהבט נכנס - 10.11.19</dc:title>
  <dc:creator>מטכ''ל/לשכה/לשכת הרמטכ"ל/ע' עוזר הרמטכ"ל-שהם פרץ</dc:creator>
  <cp:lastModifiedBy>benzi zimmerman</cp:lastModifiedBy>
  <cp:revision>788</cp:revision>
  <cp:lastPrinted>2019-11-09T16:43:27Z</cp:lastPrinted>
  <dcterms:modified xsi:type="dcterms:W3CDTF">2019-11-30T20:33:0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43ED66BDDA44E3D91E5D50BD8238E6200AC59DD853984FF44AF6087C6DB7EAD6F</vt:lpwstr>
  </property>
</Properties>
</file>